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4"/>
  </p:notesMasterIdLst>
  <p:handoutMasterIdLst>
    <p:handoutMasterId r:id="rId25"/>
  </p:handoutMasterIdLst>
  <p:sldIdLst>
    <p:sldId id="260" r:id="rId8"/>
    <p:sldId id="257" r:id="rId9"/>
    <p:sldId id="261" r:id="rId10"/>
    <p:sldId id="262" r:id="rId11"/>
    <p:sldId id="274" r:id="rId12"/>
    <p:sldId id="263" r:id="rId13"/>
    <p:sldId id="264" r:id="rId14"/>
    <p:sldId id="265" r:id="rId15"/>
    <p:sldId id="267" r:id="rId16"/>
    <p:sldId id="269" r:id="rId17"/>
    <p:sldId id="268" r:id="rId18"/>
    <p:sldId id="271" r:id="rId19"/>
    <p:sldId id="272" r:id="rId20"/>
    <p:sldId id="270" r:id="rId21"/>
    <p:sldId id="273" r:id="rId22"/>
    <p:sldId id="266" r:id="rId23"/>
  </p:sldIdLst>
  <p:sldSz cx="12190413" cy="6858000"/>
  <p:notesSz cx="6858000" cy="9144000"/>
  <p:custDataLst>
    <p:tags r:id="rId2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71748"/>
    <a:srgbClr val="1FD082"/>
    <a:srgbClr val="2F3EEA"/>
    <a:srgbClr val="FFFFFF"/>
    <a:srgbClr val="990000"/>
    <a:srgbClr val="000000"/>
    <a:srgbClr val="FFCC00"/>
    <a:srgbClr val="FF6600"/>
    <a:srgbClr val="FF0000"/>
    <a:srgbClr val="FF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C987293-3671-4F14-8591-234414D4FCFB}" v="206" dt="2021-02-15T15:55:13.056"/>
  </p1510:revLst>
</p1510:revInfo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4878" autoAdjust="0"/>
  </p:normalViewPr>
  <p:slideViewPr>
    <p:cSldViewPr showGuides="1">
      <p:cViewPr varScale="1">
        <p:scale>
          <a:sx n="81" d="100"/>
          <a:sy n="81" d="100"/>
        </p:scale>
        <p:origin x="754" y="53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notesMaster" Target="notesMasters/notesMaster1.xml"/><Relationship Id="rId32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viewProps" Target="viewProp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Fletcher Thompson" userId="d72954f8-2a84-4c3f-8fe3-ad0435f5524f" providerId="ADAL" clId="{5C987293-3671-4F14-8591-234414D4FCFB}"/>
    <pc:docChg chg="undo custSel addSld delSld modSld sldOrd">
      <pc:chgData name="Fletcher Thompson" userId="d72954f8-2a84-4c3f-8fe3-ad0435f5524f" providerId="ADAL" clId="{5C987293-3671-4F14-8591-234414D4FCFB}" dt="2021-02-15T15:56:25.490" v="5313" actId="1076"/>
      <pc:docMkLst>
        <pc:docMk/>
      </pc:docMkLst>
      <pc:sldChg chg="del">
        <pc:chgData name="Fletcher Thompson" userId="d72954f8-2a84-4c3f-8fe3-ad0435f5524f" providerId="ADAL" clId="{5C987293-3671-4F14-8591-234414D4FCFB}" dt="2021-02-15T14:10:26.976" v="2750" actId="2696"/>
        <pc:sldMkLst>
          <pc:docMk/>
          <pc:sldMk cId="0" sldId="256"/>
        </pc:sldMkLst>
      </pc:sldChg>
      <pc:sldChg chg="modSp mod">
        <pc:chgData name="Fletcher Thompson" userId="d72954f8-2a84-4c3f-8fe3-ad0435f5524f" providerId="ADAL" clId="{5C987293-3671-4F14-8591-234414D4FCFB}" dt="2021-02-15T10:32:37.975" v="637" actId="20577"/>
        <pc:sldMkLst>
          <pc:docMk/>
          <pc:sldMk cId="1796381250" sldId="257"/>
        </pc:sldMkLst>
        <pc:spChg chg="mod">
          <ac:chgData name="Fletcher Thompson" userId="d72954f8-2a84-4c3f-8fe3-ad0435f5524f" providerId="ADAL" clId="{5C987293-3671-4F14-8591-234414D4FCFB}" dt="2021-02-15T10:19:19.177" v="134" actId="20577"/>
          <ac:spMkLst>
            <pc:docMk/>
            <pc:sldMk cId="1796381250" sldId="257"/>
            <ac:spMk id="5" creationId="{43AB9D89-4678-4B3C-8679-3E429EFBB2DD}"/>
          </ac:spMkLst>
        </pc:spChg>
        <pc:spChg chg="mod">
          <ac:chgData name="Fletcher Thompson" userId="d72954f8-2a84-4c3f-8fe3-ad0435f5524f" providerId="ADAL" clId="{5C987293-3671-4F14-8591-234414D4FCFB}" dt="2021-02-15T10:32:37.975" v="637" actId="20577"/>
          <ac:spMkLst>
            <pc:docMk/>
            <pc:sldMk cId="1796381250" sldId="257"/>
            <ac:spMk id="6" creationId="{5A5890CD-8F90-4FE7-841F-F7B0C2865BA2}"/>
          </ac:spMkLst>
        </pc:spChg>
      </pc:sldChg>
      <pc:sldChg chg="modSp mod">
        <pc:chgData name="Fletcher Thompson" userId="d72954f8-2a84-4c3f-8fe3-ad0435f5524f" providerId="ADAL" clId="{5C987293-3671-4F14-8591-234414D4FCFB}" dt="2021-02-15T10:18:11.578" v="124" actId="6549"/>
        <pc:sldMkLst>
          <pc:docMk/>
          <pc:sldMk cId="2320714135" sldId="260"/>
        </pc:sldMkLst>
        <pc:spChg chg="mod">
          <ac:chgData name="Fletcher Thompson" userId="d72954f8-2a84-4c3f-8fe3-ad0435f5524f" providerId="ADAL" clId="{5C987293-3671-4F14-8591-234414D4FCFB}" dt="2021-02-15T10:18:11.578" v="124" actId="6549"/>
          <ac:spMkLst>
            <pc:docMk/>
            <pc:sldMk cId="2320714135" sldId="260"/>
            <ac:spMk id="4" creationId="{674358EA-4D5B-461F-997D-DE6729900DE7}"/>
          </ac:spMkLst>
        </pc:spChg>
        <pc:spChg chg="mod">
          <ac:chgData name="Fletcher Thompson" userId="d72954f8-2a84-4c3f-8fe3-ad0435f5524f" providerId="ADAL" clId="{5C987293-3671-4F14-8591-234414D4FCFB}" dt="2021-02-15T10:15:13.275" v="61" actId="20577"/>
          <ac:spMkLst>
            <pc:docMk/>
            <pc:sldMk cId="2320714135" sldId="260"/>
            <ac:spMk id="5" creationId="{88CE6942-A17C-4247-86C6-41FACF7E90AC}"/>
          </ac:spMkLst>
        </pc:spChg>
      </pc:sldChg>
      <pc:sldChg chg="addSp modSp new mod modAnim modNotesTx">
        <pc:chgData name="Fletcher Thompson" userId="d72954f8-2a84-4c3f-8fe3-ad0435f5524f" providerId="ADAL" clId="{5C987293-3671-4F14-8591-234414D4FCFB}" dt="2021-02-15T11:14:26.405" v="1513" actId="20577"/>
        <pc:sldMkLst>
          <pc:docMk/>
          <pc:sldMk cId="3283025092" sldId="261"/>
        </pc:sldMkLst>
        <pc:spChg chg="mod">
          <ac:chgData name="Fletcher Thompson" userId="d72954f8-2a84-4c3f-8fe3-ad0435f5524f" providerId="ADAL" clId="{5C987293-3671-4F14-8591-234414D4FCFB}" dt="2021-02-15T10:34:53.720" v="670" actId="20577"/>
          <ac:spMkLst>
            <pc:docMk/>
            <pc:sldMk cId="3283025092" sldId="261"/>
            <ac:spMk id="2" creationId="{BB3E1D9A-F8AF-443E-979E-58AD524C20A5}"/>
          </ac:spMkLst>
        </pc:spChg>
        <pc:spChg chg="mod">
          <ac:chgData name="Fletcher Thompson" userId="d72954f8-2a84-4c3f-8fe3-ad0435f5524f" providerId="ADAL" clId="{5C987293-3671-4F14-8591-234414D4FCFB}" dt="2021-02-15T11:14:26.405" v="1513" actId="20577"/>
          <ac:spMkLst>
            <pc:docMk/>
            <pc:sldMk cId="3283025092" sldId="261"/>
            <ac:spMk id="3" creationId="{6A138E68-DD82-4B3B-A7F0-A9712FC36331}"/>
          </ac:spMkLst>
        </pc:spChg>
        <pc:spChg chg="add mod">
          <ac:chgData name="Fletcher Thompson" userId="d72954f8-2a84-4c3f-8fe3-ad0435f5524f" providerId="ADAL" clId="{5C987293-3671-4F14-8591-234414D4FCFB}" dt="2021-02-15T10:49:10.257" v="986" actId="1076"/>
          <ac:spMkLst>
            <pc:docMk/>
            <pc:sldMk cId="3283025092" sldId="261"/>
            <ac:spMk id="7" creationId="{BD197E5F-A732-4DF8-B9ED-11C3FD9C7C83}"/>
          </ac:spMkLst>
        </pc:spChg>
        <pc:spChg chg="add mod">
          <ac:chgData name="Fletcher Thompson" userId="d72954f8-2a84-4c3f-8fe3-ad0435f5524f" providerId="ADAL" clId="{5C987293-3671-4F14-8591-234414D4FCFB}" dt="2021-02-15T10:49:57.049" v="993" actId="1076"/>
          <ac:spMkLst>
            <pc:docMk/>
            <pc:sldMk cId="3283025092" sldId="261"/>
            <ac:spMk id="8" creationId="{966AA2B8-7B86-4DEA-BD0A-03BC5B4476BF}"/>
          </ac:spMkLst>
        </pc:spChg>
        <pc:picChg chg="add mod">
          <ac:chgData name="Fletcher Thompson" userId="d72954f8-2a84-4c3f-8fe3-ad0435f5524f" providerId="ADAL" clId="{5C987293-3671-4F14-8591-234414D4FCFB}" dt="2021-02-15T10:38:27.365" v="674" actId="1076"/>
          <ac:picMkLst>
            <pc:docMk/>
            <pc:sldMk cId="3283025092" sldId="261"/>
            <ac:picMk id="6" creationId="{E02AFF20-DD6B-414B-BCCC-1F6978304299}"/>
          </ac:picMkLst>
        </pc:picChg>
      </pc:sldChg>
      <pc:sldChg chg="addSp delSp modSp new mod">
        <pc:chgData name="Fletcher Thompson" userId="d72954f8-2a84-4c3f-8fe3-ad0435f5524f" providerId="ADAL" clId="{5C987293-3671-4F14-8591-234414D4FCFB}" dt="2021-02-15T11:18:36.034" v="1541" actId="1076"/>
        <pc:sldMkLst>
          <pc:docMk/>
          <pc:sldMk cId="4277352380" sldId="262"/>
        </pc:sldMkLst>
        <pc:spChg chg="mod">
          <ac:chgData name="Fletcher Thompson" userId="d72954f8-2a84-4c3f-8fe3-ad0435f5524f" providerId="ADAL" clId="{5C987293-3671-4F14-8591-234414D4FCFB}" dt="2021-02-15T10:55:46.903" v="1177" actId="20577"/>
          <ac:spMkLst>
            <pc:docMk/>
            <pc:sldMk cId="4277352380" sldId="262"/>
            <ac:spMk id="2" creationId="{115F1F65-2869-42ED-815D-6AC4CB1727CF}"/>
          </ac:spMkLst>
        </pc:spChg>
        <pc:spChg chg="del mod">
          <ac:chgData name="Fletcher Thompson" userId="d72954f8-2a84-4c3f-8fe3-ad0435f5524f" providerId="ADAL" clId="{5C987293-3671-4F14-8591-234414D4FCFB}" dt="2021-02-15T10:59:25.192" v="1207" actId="478"/>
          <ac:spMkLst>
            <pc:docMk/>
            <pc:sldMk cId="4277352380" sldId="262"/>
            <ac:spMk id="3" creationId="{BA419432-CE3A-452E-B0D2-3BAAC8F6D28A}"/>
          </ac:spMkLst>
        </pc:spChg>
        <pc:spChg chg="add del mod">
          <ac:chgData name="Fletcher Thompson" userId="d72954f8-2a84-4c3f-8fe3-ad0435f5524f" providerId="ADAL" clId="{5C987293-3671-4F14-8591-234414D4FCFB}" dt="2021-02-15T11:04:14.735" v="1211"/>
          <ac:spMkLst>
            <pc:docMk/>
            <pc:sldMk cId="4277352380" sldId="262"/>
            <ac:spMk id="6" creationId="{80276453-E764-4E39-AC53-CD83F1B3770F}"/>
          </ac:spMkLst>
        </pc:spChg>
        <pc:spChg chg="add mod">
          <ac:chgData name="Fletcher Thompson" userId="d72954f8-2a84-4c3f-8fe3-ad0435f5524f" providerId="ADAL" clId="{5C987293-3671-4F14-8591-234414D4FCFB}" dt="2021-02-15T11:18:21.078" v="1540" actId="20577"/>
          <ac:spMkLst>
            <pc:docMk/>
            <pc:sldMk cId="4277352380" sldId="262"/>
            <ac:spMk id="11" creationId="{EE301713-DD3B-494A-B774-2510F3AD10C2}"/>
          </ac:spMkLst>
        </pc:spChg>
        <pc:picChg chg="add mod">
          <ac:chgData name="Fletcher Thompson" userId="d72954f8-2a84-4c3f-8fe3-ad0435f5524f" providerId="ADAL" clId="{5C987293-3671-4F14-8591-234414D4FCFB}" dt="2021-02-15T11:04:46.771" v="1218" actId="1076"/>
          <ac:picMkLst>
            <pc:docMk/>
            <pc:sldMk cId="4277352380" sldId="262"/>
            <ac:picMk id="8" creationId="{1DD6593D-59B4-4BEB-BEB8-A86AD9659B2C}"/>
          </ac:picMkLst>
        </pc:picChg>
        <pc:picChg chg="add mod modCrop">
          <ac:chgData name="Fletcher Thompson" userId="d72954f8-2a84-4c3f-8fe3-ad0435f5524f" providerId="ADAL" clId="{5C987293-3671-4F14-8591-234414D4FCFB}" dt="2021-02-15T11:07:03.138" v="1242" actId="1076"/>
          <ac:picMkLst>
            <pc:docMk/>
            <pc:sldMk cId="4277352380" sldId="262"/>
            <ac:picMk id="10" creationId="{B69D55FA-EAB4-4534-BF56-A6EB87A2BF41}"/>
          </ac:picMkLst>
        </pc:picChg>
        <pc:picChg chg="add mod">
          <ac:chgData name="Fletcher Thompson" userId="d72954f8-2a84-4c3f-8fe3-ad0435f5524f" providerId="ADAL" clId="{5C987293-3671-4F14-8591-234414D4FCFB}" dt="2021-02-15T11:18:36.034" v="1541" actId="1076"/>
          <ac:picMkLst>
            <pc:docMk/>
            <pc:sldMk cId="4277352380" sldId="262"/>
            <ac:picMk id="1026" creationId="{917265F7-3F43-4A96-87F2-D0C7C8524BEE}"/>
          </ac:picMkLst>
        </pc:picChg>
        <pc:picChg chg="add mod">
          <ac:chgData name="Fletcher Thompson" userId="d72954f8-2a84-4c3f-8fe3-ad0435f5524f" providerId="ADAL" clId="{5C987293-3671-4F14-8591-234414D4FCFB}" dt="2021-02-15T11:07:01.313" v="1241" actId="1076"/>
          <ac:picMkLst>
            <pc:docMk/>
            <pc:sldMk cId="4277352380" sldId="262"/>
            <ac:picMk id="1028" creationId="{45D316CF-4E6F-47E7-BCE1-2CADB233D196}"/>
          </ac:picMkLst>
        </pc:picChg>
        <pc:picChg chg="add del mod">
          <ac:chgData name="Fletcher Thompson" userId="d72954f8-2a84-4c3f-8fe3-ad0435f5524f" providerId="ADAL" clId="{5C987293-3671-4F14-8591-234414D4FCFB}" dt="2021-02-15T11:00:08.165" v="1210" actId="478"/>
          <ac:picMkLst>
            <pc:docMk/>
            <pc:sldMk cId="4277352380" sldId="262"/>
            <ac:picMk id="1030" creationId="{F83346FF-90B2-4FDF-9CDC-5C4FB89C7809}"/>
          </ac:picMkLst>
        </pc:picChg>
      </pc:sldChg>
      <pc:sldChg chg="addSp modSp new mod">
        <pc:chgData name="Fletcher Thompson" userId="d72954f8-2a84-4c3f-8fe3-ad0435f5524f" providerId="ADAL" clId="{5C987293-3671-4F14-8591-234414D4FCFB}" dt="2021-02-15T13:55:19.277" v="2440" actId="6549"/>
        <pc:sldMkLst>
          <pc:docMk/>
          <pc:sldMk cId="3003530339" sldId="263"/>
        </pc:sldMkLst>
        <pc:spChg chg="mod">
          <ac:chgData name="Fletcher Thompson" userId="d72954f8-2a84-4c3f-8fe3-ad0435f5524f" providerId="ADAL" clId="{5C987293-3671-4F14-8591-234414D4FCFB}" dt="2021-02-15T11:19:24.932" v="1590" actId="20577"/>
          <ac:spMkLst>
            <pc:docMk/>
            <pc:sldMk cId="3003530339" sldId="263"/>
            <ac:spMk id="2" creationId="{FD32B14C-E7E6-42AF-8C98-58465B16BDCB}"/>
          </ac:spMkLst>
        </pc:spChg>
        <pc:spChg chg="mod">
          <ac:chgData name="Fletcher Thompson" userId="d72954f8-2a84-4c3f-8fe3-ad0435f5524f" providerId="ADAL" clId="{5C987293-3671-4F14-8591-234414D4FCFB}" dt="2021-02-15T13:55:19.277" v="2440" actId="6549"/>
          <ac:spMkLst>
            <pc:docMk/>
            <pc:sldMk cId="3003530339" sldId="263"/>
            <ac:spMk id="3" creationId="{C861FE75-56DA-41EC-937D-2949B9364009}"/>
          </ac:spMkLst>
        </pc:spChg>
        <pc:spChg chg="add mod ord">
          <ac:chgData name="Fletcher Thompson" userId="d72954f8-2a84-4c3f-8fe3-ad0435f5524f" providerId="ADAL" clId="{5C987293-3671-4F14-8591-234414D4FCFB}" dt="2021-02-15T12:16:13.819" v="2314" actId="207"/>
          <ac:spMkLst>
            <pc:docMk/>
            <pc:sldMk cId="3003530339" sldId="263"/>
            <ac:spMk id="6" creationId="{3BB6EBD0-2038-4586-904C-445DB9EAEE1F}"/>
          </ac:spMkLst>
        </pc:spChg>
        <pc:spChg chg="add mod ord">
          <ac:chgData name="Fletcher Thompson" userId="d72954f8-2a84-4c3f-8fe3-ad0435f5524f" providerId="ADAL" clId="{5C987293-3671-4F14-8591-234414D4FCFB}" dt="2021-02-15T12:16:22.526" v="2315" actId="207"/>
          <ac:spMkLst>
            <pc:docMk/>
            <pc:sldMk cId="3003530339" sldId="263"/>
            <ac:spMk id="7" creationId="{F9ECD4FD-6891-4A27-88E2-0141BE1898BF}"/>
          </ac:spMkLst>
        </pc:spChg>
        <pc:spChg chg="add mod ord">
          <ac:chgData name="Fletcher Thompson" userId="d72954f8-2a84-4c3f-8fe3-ad0435f5524f" providerId="ADAL" clId="{5C987293-3671-4F14-8591-234414D4FCFB}" dt="2021-02-15T12:15:47.136" v="2313" actId="167"/>
          <ac:spMkLst>
            <pc:docMk/>
            <pc:sldMk cId="3003530339" sldId="263"/>
            <ac:spMk id="8" creationId="{7E6BC691-E48D-490F-92D9-6E8B8E8F1B5A}"/>
          </ac:spMkLst>
        </pc:spChg>
        <pc:spChg chg="add mod">
          <ac:chgData name="Fletcher Thompson" userId="d72954f8-2a84-4c3f-8fe3-ad0435f5524f" providerId="ADAL" clId="{5C987293-3671-4F14-8591-234414D4FCFB}" dt="2021-02-15T12:17:30.102" v="2359" actId="1076"/>
          <ac:spMkLst>
            <pc:docMk/>
            <pc:sldMk cId="3003530339" sldId="263"/>
            <ac:spMk id="9" creationId="{CEF75782-5BC7-4C60-8B04-9F1BD58986B6}"/>
          </ac:spMkLst>
        </pc:spChg>
        <pc:spChg chg="add mod">
          <ac:chgData name="Fletcher Thompson" userId="d72954f8-2a84-4c3f-8fe3-ad0435f5524f" providerId="ADAL" clId="{5C987293-3671-4F14-8591-234414D4FCFB}" dt="2021-02-15T12:19:12.596" v="2439" actId="1038"/>
          <ac:spMkLst>
            <pc:docMk/>
            <pc:sldMk cId="3003530339" sldId="263"/>
            <ac:spMk id="10" creationId="{D80DCFE8-E366-4D41-8D52-55108207B508}"/>
          </ac:spMkLst>
        </pc:spChg>
        <pc:spChg chg="add mod">
          <ac:chgData name="Fletcher Thompson" userId="d72954f8-2a84-4c3f-8fe3-ad0435f5524f" providerId="ADAL" clId="{5C987293-3671-4F14-8591-234414D4FCFB}" dt="2021-02-15T12:19:07.653" v="2436" actId="1037"/>
          <ac:spMkLst>
            <pc:docMk/>
            <pc:sldMk cId="3003530339" sldId="263"/>
            <ac:spMk id="11" creationId="{519A4A74-0AF9-44B8-B800-097D2C356D0B}"/>
          </ac:spMkLst>
        </pc:spChg>
      </pc:sldChg>
      <pc:sldChg chg="addSp delSp modSp new mod">
        <pc:chgData name="Fletcher Thompson" userId="d72954f8-2a84-4c3f-8fe3-ad0435f5524f" providerId="ADAL" clId="{5C987293-3671-4F14-8591-234414D4FCFB}" dt="2021-02-15T15:02:22.630" v="3331" actId="20577"/>
        <pc:sldMkLst>
          <pc:docMk/>
          <pc:sldMk cId="247546261" sldId="264"/>
        </pc:sldMkLst>
        <pc:spChg chg="mod">
          <ac:chgData name="Fletcher Thompson" userId="d72954f8-2a84-4c3f-8fe3-ad0435f5524f" providerId="ADAL" clId="{5C987293-3671-4F14-8591-234414D4FCFB}" dt="2021-02-15T15:02:22.630" v="3331" actId="20577"/>
          <ac:spMkLst>
            <pc:docMk/>
            <pc:sldMk cId="247546261" sldId="264"/>
            <ac:spMk id="2" creationId="{77964BC4-8BB1-4376-82BA-B3D56EFC51CE}"/>
          </ac:spMkLst>
        </pc:spChg>
        <pc:spChg chg="del">
          <ac:chgData name="Fletcher Thompson" userId="d72954f8-2a84-4c3f-8fe3-ad0435f5524f" providerId="ADAL" clId="{5C987293-3671-4F14-8591-234414D4FCFB}" dt="2021-02-15T13:58:34.524" v="2442" actId="931"/>
          <ac:spMkLst>
            <pc:docMk/>
            <pc:sldMk cId="247546261" sldId="264"/>
            <ac:spMk id="3" creationId="{4B4D1C24-3217-4C84-9783-B6D00A3F7A56}"/>
          </ac:spMkLst>
        </pc:spChg>
        <pc:spChg chg="add mod">
          <ac:chgData name="Fletcher Thompson" userId="d72954f8-2a84-4c3f-8fe3-ad0435f5524f" providerId="ADAL" clId="{5C987293-3671-4F14-8591-234414D4FCFB}" dt="2021-02-15T14:02:21.483" v="2744" actId="20577"/>
          <ac:spMkLst>
            <pc:docMk/>
            <pc:sldMk cId="247546261" sldId="264"/>
            <ac:spMk id="8" creationId="{7A1A8253-8DE6-4071-98D0-7CECD0108610}"/>
          </ac:spMkLst>
        </pc:spChg>
        <pc:picChg chg="add mod">
          <ac:chgData name="Fletcher Thompson" userId="d72954f8-2a84-4c3f-8fe3-ad0435f5524f" providerId="ADAL" clId="{5C987293-3671-4F14-8591-234414D4FCFB}" dt="2021-02-15T14:16:34.009" v="2757" actId="14826"/>
          <ac:picMkLst>
            <pc:docMk/>
            <pc:sldMk cId="247546261" sldId="264"/>
            <ac:picMk id="7" creationId="{A2716D80-748E-42F3-8BE0-E44D480797F8}"/>
          </ac:picMkLst>
        </pc:picChg>
      </pc:sldChg>
      <pc:sldChg chg="addSp delSp modSp new mod">
        <pc:chgData name="Fletcher Thompson" userId="d72954f8-2a84-4c3f-8fe3-ad0435f5524f" providerId="ADAL" clId="{5C987293-3671-4F14-8591-234414D4FCFB}" dt="2021-02-15T15:02:32.598" v="3349" actId="20577"/>
        <pc:sldMkLst>
          <pc:docMk/>
          <pc:sldMk cId="2913642486" sldId="265"/>
        </pc:sldMkLst>
        <pc:spChg chg="mod">
          <ac:chgData name="Fletcher Thompson" userId="d72954f8-2a84-4c3f-8fe3-ad0435f5524f" providerId="ADAL" clId="{5C987293-3671-4F14-8591-234414D4FCFB}" dt="2021-02-15T15:02:32.598" v="3349" actId="20577"/>
          <ac:spMkLst>
            <pc:docMk/>
            <pc:sldMk cId="2913642486" sldId="265"/>
            <ac:spMk id="2" creationId="{3FA74815-5C2E-4B99-9390-D1E1BFEF33F7}"/>
          </ac:spMkLst>
        </pc:spChg>
        <pc:spChg chg="del">
          <ac:chgData name="Fletcher Thompson" userId="d72954f8-2a84-4c3f-8fe3-ad0435f5524f" providerId="ADAL" clId="{5C987293-3671-4F14-8591-234414D4FCFB}" dt="2021-02-15T14:16:22.324" v="2755" actId="931"/>
          <ac:spMkLst>
            <pc:docMk/>
            <pc:sldMk cId="2913642486" sldId="265"/>
            <ac:spMk id="3" creationId="{80622CA2-EDC3-4323-A70E-4EB95ADAED9A}"/>
          </ac:spMkLst>
        </pc:spChg>
        <pc:spChg chg="add del mod">
          <ac:chgData name="Fletcher Thompson" userId="d72954f8-2a84-4c3f-8fe3-ad0435f5524f" providerId="ADAL" clId="{5C987293-3671-4F14-8591-234414D4FCFB}" dt="2021-02-15T14:16:44.960" v="2758" actId="931"/>
          <ac:spMkLst>
            <pc:docMk/>
            <pc:sldMk cId="2913642486" sldId="265"/>
            <ac:spMk id="8" creationId="{21DFD53B-F3F8-46D5-BC0E-9D9D43014912}"/>
          </ac:spMkLst>
        </pc:spChg>
        <pc:spChg chg="add mod">
          <ac:chgData name="Fletcher Thompson" userId="d72954f8-2a84-4c3f-8fe3-ad0435f5524f" providerId="ADAL" clId="{5C987293-3671-4F14-8591-234414D4FCFB}" dt="2021-02-15T14:21:16.169" v="2996" actId="20577"/>
          <ac:spMkLst>
            <pc:docMk/>
            <pc:sldMk cId="2913642486" sldId="265"/>
            <ac:spMk id="11" creationId="{42B600F7-47EE-480F-8B91-7723DDB8EF8C}"/>
          </ac:spMkLst>
        </pc:spChg>
        <pc:picChg chg="add del mod">
          <ac:chgData name="Fletcher Thompson" userId="d72954f8-2a84-4c3f-8fe3-ad0435f5524f" providerId="ADAL" clId="{5C987293-3671-4F14-8591-234414D4FCFB}" dt="2021-02-15T14:16:25.465" v="2756" actId="478"/>
          <ac:picMkLst>
            <pc:docMk/>
            <pc:sldMk cId="2913642486" sldId="265"/>
            <ac:picMk id="7" creationId="{1D9994B9-EC69-44D3-992F-2A89EF2BDFAA}"/>
          </ac:picMkLst>
        </pc:picChg>
        <pc:picChg chg="add mod">
          <ac:chgData name="Fletcher Thompson" userId="d72954f8-2a84-4c3f-8fe3-ad0435f5524f" providerId="ADAL" clId="{5C987293-3671-4F14-8591-234414D4FCFB}" dt="2021-02-15T14:16:50.535" v="2761" actId="1076"/>
          <ac:picMkLst>
            <pc:docMk/>
            <pc:sldMk cId="2913642486" sldId="265"/>
            <ac:picMk id="10" creationId="{7573E35A-1AF0-40E8-BAAA-A9C6C943AD0E}"/>
          </ac:picMkLst>
        </pc:picChg>
        <pc:picChg chg="add mod">
          <ac:chgData name="Fletcher Thompson" userId="d72954f8-2a84-4c3f-8fe3-ad0435f5524f" providerId="ADAL" clId="{5C987293-3671-4F14-8591-234414D4FCFB}" dt="2021-02-15T14:20:12.385" v="2964" actId="1076"/>
          <ac:picMkLst>
            <pc:docMk/>
            <pc:sldMk cId="2913642486" sldId="265"/>
            <ac:picMk id="2050" creationId="{3E6F268C-485B-40B4-9A2D-8E2128BCE153}"/>
          </ac:picMkLst>
        </pc:picChg>
        <pc:picChg chg="add mod">
          <ac:chgData name="Fletcher Thompson" userId="d72954f8-2a84-4c3f-8fe3-ad0435f5524f" providerId="ADAL" clId="{5C987293-3671-4F14-8591-234414D4FCFB}" dt="2021-02-15T14:20:10.184" v="2963" actId="1076"/>
          <ac:picMkLst>
            <pc:docMk/>
            <pc:sldMk cId="2913642486" sldId="265"/>
            <ac:picMk id="2052" creationId="{54CBBE1D-C007-42EC-8436-8F08D40DD2F1}"/>
          </ac:picMkLst>
        </pc:picChg>
      </pc:sldChg>
      <pc:sldChg chg="new ord">
        <pc:chgData name="Fletcher Thompson" userId="d72954f8-2a84-4c3f-8fe3-ad0435f5524f" providerId="ADAL" clId="{5C987293-3671-4F14-8591-234414D4FCFB}" dt="2021-02-15T14:10:35.725" v="2753"/>
        <pc:sldMkLst>
          <pc:docMk/>
          <pc:sldMk cId="1636935204" sldId="266"/>
        </pc:sldMkLst>
      </pc:sldChg>
      <pc:sldChg chg="addSp delSp modSp new mod">
        <pc:chgData name="Fletcher Thompson" userId="d72954f8-2a84-4c3f-8fe3-ad0435f5524f" providerId="ADAL" clId="{5C987293-3671-4F14-8591-234414D4FCFB}" dt="2021-02-15T15:05:18.278" v="3445" actId="20577"/>
        <pc:sldMkLst>
          <pc:docMk/>
          <pc:sldMk cId="2844336679" sldId="267"/>
        </pc:sldMkLst>
        <pc:spChg chg="mod">
          <ac:chgData name="Fletcher Thompson" userId="d72954f8-2a84-4c3f-8fe3-ad0435f5524f" providerId="ADAL" clId="{5C987293-3671-4F14-8591-234414D4FCFB}" dt="2021-02-15T15:03:03.494" v="3399" actId="20577"/>
          <ac:spMkLst>
            <pc:docMk/>
            <pc:sldMk cId="2844336679" sldId="267"/>
            <ac:spMk id="2" creationId="{C8C89B7A-677E-4B90-9F22-0A5753A3807E}"/>
          </ac:spMkLst>
        </pc:spChg>
        <pc:spChg chg="del">
          <ac:chgData name="Fletcher Thompson" userId="d72954f8-2a84-4c3f-8fe3-ad0435f5524f" providerId="ADAL" clId="{5C987293-3671-4F14-8591-234414D4FCFB}" dt="2021-02-15T14:39:47.050" v="3067" actId="931"/>
          <ac:spMkLst>
            <pc:docMk/>
            <pc:sldMk cId="2844336679" sldId="267"/>
            <ac:spMk id="3" creationId="{EE8780AA-2B73-472D-A2F7-E0F47CAAD9A1}"/>
          </ac:spMkLst>
        </pc:spChg>
        <pc:spChg chg="add del">
          <ac:chgData name="Fletcher Thompson" userId="d72954f8-2a84-4c3f-8fe3-ad0435f5524f" providerId="ADAL" clId="{5C987293-3671-4F14-8591-234414D4FCFB}" dt="2021-02-15T14:57:15.946" v="3112" actId="22"/>
          <ac:spMkLst>
            <pc:docMk/>
            <pc:sldMk cId="2844336679" sldId="267"/>
            <ac:spMk id="11" creationId="{AA11ED82-5978-499F-BB28-C0010E422D35}"/>
          </ac:spMkLst>
        </pc:spChg>
        <pc:spChg chg="add del">
          <ac:chgData name="Fletcher Thompson" userId="d72954f8-2a84-4c3f-8fe3-ad0435f5524f" providerId="ADAL" clId="{5C987293-3671-4F14-8591-234414D4FCFB}" dt="2021-02-15T14:57:20.217" v="3114" actId="22"/>
          <ac:spMkLst>
            <pc:docMk/>
            <pc:sldMk cId="2844336679" sldId="267"/>
            <ac:spMk id="13" creationId="{488DCE8F-EF29-4C39-95CE-2B5996C34D21}"/>
          </ac:spMkLst>
        </pc:spChg>
        <pc:spChg chg="add mod">
          <ac:chgData name="Fletcher Thompson" userId="d72954f8-2a84-4c3f-8fe3-ad0435f5524f" providerId="ADAL" clId="{5C987293-3671-4F14-8591-234414D4FCFB}" dt="2021-02-15T15:05:18.278" v="3445" actId="20577"/>
          <ac:spMkLst>
            <pc:docMk/>
            <pc:sldMk cId="2844336679" sldId="267"/>
            <ac:spMk id="14" creationId="{6BAC7CA4-C31C-4AF2-A649-A6BB9AED0CF4}"/>
          </ac:spMkLst>
        </pc:spChg>
        <pc:picChg chg="add mod">
          <ac:chgData name="Fletcher Thompson" userId="d72954f8-2a84-4c3f-8fe3-ad0435f5524f" providerId="ADAL" clId="{5C987293-3671-4F14-8591-234414D4FCFB}" dt="2021-02-15T14:59:38.953" v="3261" actId="14100"/>
          <ac:picMkLst>
            <pc:docMk/>
            <pc:sldMk cId="2844336679" sldId="267"/>
            <ac:picMk id="7" creationId="{ABD8812C-7D32-4E88-8885-D825D9D00186}"/>
          </ac:picMkLst>
        </pc:picChg>
        <pc:picChg chg="add del mod modCrop">
          <ac:chgData name="Fletcher Thompson" userId="d72954f8-2a84-4c3f-8fe3-ad0435f5524f" providerId="ADAL" clId="{5C987293-3671-4F14-8591-234414D4FCFB}" dt="2021-02-15T14:55:48.358" v="3087" actId="478"/>
          <ac:picMkLst>
            <pc:docMk/>
            <pc:sldMk cId="2844336679" sldId="267"/>
            <ac:picMk id="9" creationId="{A810E1EC-EE80-4962-ACAA-6AEA853502D1}"/>
          </ac:picMkLst>
        </pc:picChg>
      </pc:sldChg>
      <pc:sldChg chg="addSp modSp new mod ord">
        <pc:chgData name="Fletcher Thompson" userId="d72954f8-2a84-4c3f-8fe3-ad0435f5524f" providerId="ADAL" clId="{5C987293-3671-4F14-8591-234414D4FCFB}" dt="2021-02-15T15:26:17.872" v="3849" actId="1076"/>
        <pc:sldMkLst>
          <pc:docMk/>
          <pc:sldMk cId="2114190290" sldId="268"/>
        </pc:sldMkLst>
        <pc:spChg chg="mod">
          <ac:chgData name="Fletcher Thompson" userId="d72954f8-2a84-4c3f-8fe3-ad0435f5524f" providerId="ADAL" clId="{5C987293-3671-4F14-8591-234414D4FCFB}" dt="2021-02-15T15:19:06.132" v="3645" actId="20577"/>
          <ac:spMkLst>
            <pc:docMk/>
            <pc:sldMk cId="2114190290" sldId="268"/>
            <ac:spMk id="2" creationId="{FD223C01-B07B-4F37-A3A0-1E04E2F1EF1C}"/>
          </ac:spMkLst>
        </pc:spChg>
        <pc:spChg chg="mod">
          <ac:chgData name="Fletcher Thompson" userId="d72954f8-2a84-4c3f-8fe3-ad0435f5524f" providerId="ADAL" clId="{5C987293-3671-4F14-8591-234414D4FCFB}" dt="2021-02-15T15:26:12.068" v="3848" actId="20577"/>
          <ac:spMkLst>
            <pc:docMk/>
            <pc:sldMk cId="2114190290" sldId="268"/>
            <ac:spMk id="3" creationId="{7EBC43DD-246E-4A75-8CF7-C737D6849221}"/>
          </ac:spMkLst>
        </pc:spChg>
        <pc:spChg chg="add mod">
          <ac:chgData name="Fletcher Thompson" userId="d72954f8-2a84-4c3f-8fe3-ad0435f5524f" providerId="ADAL" clId="{5C987293-3671-4F14-8591-234414D4FCFB}" dt="2021-02-15T15:26:17.872" v="3849" actId="1076"/>
          <ac:spMkLst>
            <pc:docMk/>
            <pc:sldMk cId="2114190290" sldId="268"/>
            <ac:spMk id="6" creationId="{6E05E671-8662-4174-91CB-4ED789DB3CFA}"/>
          </ac:spMkLst>
        </pc:spChg>
      </pc:sldChg>
      <pc:sldChg chg="addSp delSp modSp new mod">
        <pc:chgData name="Fletcher Thompson" userId="d72954f8-2a84-4c3f-8fe3-ad0435f5524f" providerId="ADAL" clId="{5C987293-3671-4F14-8591-234414D4FCFB}" dt="2021-02-15T15:13:00.014" v="3623" actId="14100"/>
        <pc:sldMkLst>
          <pc:docMk/>
          <pc:sldMk cId="3762672888" sldId="269"/>
        </pc:sldMkLst>
        <pc:spChg chg="mod">
          <ac:chgData name="Fletcher Thompson" userId="d72954f8-2a84-4c3f-8fe3-ad0435f5524f" providerId="ADAL" clId="{5C987293-3671-4F14-8591-234414D4FCFB}" dt="2021-02-15T15:05:05.494" v="3441" actId="20577"/>
          <ac:spMkLst>
            <pc:docMk/>
            <pc:sldMk cId="3762672888" sldId="269"/>
            <ac:spMk id="2" creationId="{EDEA1DCC-41FF-4D9D-AE76-B2EA40452C72}"/>
          </ac:spMkLst>
        </pc:spChg>
        <pc:spChg chg="del mod">
          <ac:chgData name="Fletcher Thompson" userId="d72954f8-2a84-4c3f-8fe3-ad0435f5524f" providerId="ADAL" clId="{5C987293-3671-4F14-8591-234414D4FCFB}" dt="2021-02-15T15:05:41.330" v="3447" actId="931"/>
          <ac:spMkLst>
            <pc:docMk/>
            <pc:sldMk cId="3762672888" sldId="269"/>
            <ac:spMk id="3" creationId="{339CDDDF-668A-43CE-82C6-9CA4A08CB1E4}"/>
          </ac:spMkLst>
        </pc:spChg>
        <pc:spChg chg="add mod">
          <ac:chgData name="Fletcher Thompson" userId="d72954f8-2a84-4c3f-8fe3-ad0435f5524f" providerId="ADAL" clId="{5C987293-3671-4F14-8591-234414D4FCFB}" dt="2021-02-15T15:07:39.782" v="3598" actId="5793"/>
          <ac:spMkLst>
            <pc:docMk/>
            <pc:sldMk cId="3762672888" sldId="269"/>
            <ac:spMk id="8" creationId="{76673345-5FBF-4CDC-91D8-A9AB2838C259}"/>
          </ac:spMkLst>
        </pc:spChg>
        <pc:picChg chg="add mod">
          <ac:chgData name="Fletcher Thompson" userId="d72954f8-2a84-4c3f-8fe3-ad0435f5524f" providerId="ADAL" clId="{5C987293-3671-4F14-8591-234414D4FCFB}" dt="2021-02-15T15:13:00.014" v="3623" actId="14100"/>
          <ac:picMkLst>
            <pc:docMk/>
            <pc:sldMk cId="3762672888" sldId="269"/>
            <ac:picMk id="7" creationId="{DA3D3BEE-4F75-4734-A01C-FE618FE4D423}"/>
          </ac:picMkLst>
        </pc:picChg>
        <pc:picChg chg="add del mod">
          <ac:chgData name="Fletcher Thompson" userId="d72954f8-2a84-4c3f-8fe3-ad0435f5524f" providerId="ADAL" clId="{5C987293-3671-4F14-8591-234414D4FCFB}" dt="2021-02-15T15:11:30.244" v="3604" actId="478"/>
          <ac:picMkLst>
            <pc:docMk/>
            <pc:sldMk cId="3762672888" sldId="269"/>
            <ac:picMk id="9" creationId="{45C82A03-4CB4-46B8-8D19-BE739353FF56}"/>
          </ac:picMkLst>
        </pc:picChg>
        <pc:picChg chg="add mod modCrop">
          <ac:chgData name="Fletcher Thompson" userId="d72954f8-2a84-4c3f-8fe3-ad0435f5524f" providerId="ADAL" clId="{5C987293-3671-4F14-8591-234414D4FCFB}" dt="2021-02-15T15:12:55.953" v="3622" actId="1076"/>
          <ac:picMkLst>
            <pc:docMk/>
            <pc:sldMk cId="3762672888" sldId="269"/>
            <ac:picMk id="11" creationId="{14BDD173-D62E-4AB8-B72D-0AA02539C9A1}"/>
          </ac:picMkLst>
        </pc:picChg>
        <pc:picChg chg="add mod modCrop">
          <ac:chgData name="Fletcher Thompson" userId="d72954f8-2a84-4c3f-8fe3-ad0435f5524f" providerId="ADAL" clId="{5C987293-3671-4F14-8591-234414D4FCFB}" dt="2021-02-15T15:12:39.614" v="3619" actId="14100"/>
          <ac:picMkLst>
            <pc:docMk/>
            <pc:sldMk cId="3762672888" sldId="269"/>
            <ac:picMk id="13" creationId="{93A70E20-2732-4A87-A048-9F9ADBA9B492}"/>
          </ac:picMkLst>
        </pc:picChg>
      </pc:sldChg>
      <pc:sldChg chg="addSp delSp modSp new mod">
        <pc:chgData name="Fletcher Thompson" userId="d72954f8-2a84-4c3f-8fe3-ad0435f5524f" providerId="ADAL" clId="{5C987293-3671-4F14-8591-234414D4FCFB}" dt="2021-02-15T15:33:34.723" v="4260" actId="20577"/>
        <pc:sldMkLst>
          <pc:docMk/>
          <pc:sldMk cId="3241988077" sldId="270"/>
        </pc:sldMkLst>
        <pc:spChg chg="mod">
          <ac:chgData name="Fletcher Thompson" userId="d72954f8-2a84-4c3f-8fe3-ad0435f5524f" providerId="ADAL" clId="{5C987293-3671-4F14-8591-234414D4FCFB}" dt="2021-02-15T15:24:16.147" v="3822" actId="20577"/>
          <ac:spMkLst>
            <pc:docMk/>
            <pc:sldMk cId="3241988077" sldId="270"/>
            <ac:spMk id="2" creationId="{10282317-00CE-4FEF-938F-3A21DBAB9541}"/>
          </ac:spMkLst>
        </pc:spChg>
        <pc:spChg chg="del">
          <ac:chgData name="Fletcher Thompson" userId="d72954f8-2a84-4c3f-8fe3-ad0435f5524f" providerId="ADAL" clId="{5C987293-3671-4F14-8591-234414D4FCFB}" dt="2021-02-15T15:24:25.763" v="3823" actId="478"/>
          <ac:spMkLst>
            <pc:docMk/>
            <pc:sldMk cId="3241988077" sldId="270"/>
            <ac:spMk id="3" creationId="{6001E24D-9CE1-4426-BE63-9B7B28899F1C}"/>
          </ac:spMkLst>
        </pc:spChg>
        <pc:spChg chg="add mod">
          <ac:chgData name="Fletcher Thompson" userId="d72954f8-2a84-4c3f-8fe3-ad0435f5524f" providerId="ADAL" clId="{5C987293-3671-4F14-8591-234414D4FCFB}" dt="2021-02-15T15:33:34.723" v="4260" actId="20577"/>
          <ac:spMkLst>
            <pc:docMk/>
            <pc:sldMk cId="3241988077" sldId="270"/>
            <ac:spMk id="6" creationId="{C684DCF6-A010-48E1-96B5-F8BFE3031500}"/>
          </ac:spMkLst>
        </pc:spChg>
      </pc:sldChg>
      <pc:sldChg chg="addSp delSp modSp new mod ord modAnim">
        <pc:chgData name="Fletcher Thompson" userId="d72954f8-2a84-4c3f-8fe3-ad0435f5524f" providerId="ADAL" clId="{5C987293-3671-4F14-8591-234414D4FCFB}" dt="2021-02-15T15:46:35.372" v="4464"/>
        <pc:sldMkLst>
          <pc:docMk/>
          <pc:sldMk cId="884058934" sldId="271"/>
        </pc:sldMkLst>
        <pc:spChg chg="mod">
          <ac:chgData name="Fletcher Thompson" userId="d72954f8-2a84-4c3f-8fe3-ad0435f5524f" providerId="ADAL" clId="{5C987293-3671-4F14-8591-234414D4FCFB}" dt="2021-02-15T15:35:34.723" v="4286" actId="20577"/>
          <ac:spMkLst>
            <pc:docMk/>
            <pc:sldMk cId="884058934" sldId="271"/>
            <ac:spMk id="2" creationId="{2234293D-6866-4BB9-9A4C-0E93BBDEAE54}"/>
          </ac:spMkLst>
        </pc:spChg>
        <pc:spChg chg="del">
          <ac:chgData name="Fletcher Thompson" userId="d72954f8-2a84-4c3f-8fe3-ad0435f5524f" providerId="ADAL" clId="{5C987293-3671-4F14-8591-234414D4FCFB}" dt="2021-02-15T15:35:56.457" v="4287"/>
          <ac:spMkLst>
            <pc:docMk/>
            <pc:sldMk cId="884058934" sldId="271"/>
            <ac:spMk id="3" creationId="{1679E24B-A2F0-4A24-A6D4-D47D3C2690CB}"/>
          </ac:spMkLst>
        </pc:spChg>
        <pc:spChg chg="add mod">
          <ac:chgData name="Fletcher Thompson" userId="d72954f8-2a84-4c3f-8fe3-ad0435f5524f" providerId="ADAL" clId="{5C987293-3671-4F14-8591-234414D4FCFB}" dt="2021-02-15T15:43:24.499" v="4385" actId="1076"/>
          <ac:spMkLst>
            <pc:docMk/>
            <pc:sldMk cId="884058934" sldId="271"/>
            <ac:spMk id="6" creationId="{9B5D7DDD-43EE-40E8-BC1B-9F3793E15878}"/>
          </ac:spMkLst>
        </pc:spChg>
        <pc:spChg chg="add del mod">
          <ac:chgData name="Fletcher Thompson" userId="d72954f8-2a84-4c3f-8fe3-ad0435f5524f" providerId="ADAL" clId="{5C987293-3671-4F14-8591-234414D4FCFB}" dt="2021-02-15T15:44:26.994" v="4390" actId="478"/>
          <ac:spMkLst>
            <pc:docMk/>
            <pc:sldMk cId="884058934" sldId="271"/>
            <ac:spMk id="10" creationId="{D07FB0F8-3068-4748-B317-5AD883F83CFA}"/>
          </ac:spMkLst>
        </pc:spChg>
        <pc:spChg chg="add mod">
          <ac:chgData name="Fletcher Thompson" userId="d72954f8-2a84-4c3f-8fe3-ad0435f5524f" providerId="ADAL" clId="{5C987293-3671-4F14-8591-234414D4FCFB}" dt="2021-02-15T15:46:15.326" v="4444" actId="1076"/>
          <ac:spMkLst>
            <pc:docMk/>
            <pc:sldMk cId="884058934" sldId="271"/>
            <ac:spMk id="27" creationId="{42E54715-395F-4B09-A8BF-B8D0FC9521AE}"/>
          </ac:spMkLst>
        </pc:spChg>
        <pc:spChg chg="add mod">
          <ac:chgData name="Fletcher Thompson" userId="d72954f8-2a84-4c3f-8fe3-ad0435f5524f" providerId="ADAL" clId="{5C987293-3671-4F14-8591-234414D4FCFB}" dt="2021-02-15T15:44:48.643" v="4415" actId="20577"/>
          <ac:spMkLst>
            <pc:docMk/>
            <pc:sldMk cId="884058934" sldId="271"/>
            <ac:spMk id="29" creationId="{6498B5F3-0D03-4541-BBD2-7EE3244D169E}"/>
          </ac:spMkLst>
        </pc:spChg>
        <pc:spChg chg="add del mod">
          <ac:chgData name="Fletcher Thompson" userId="d72954f8-2a84-4c3f-8fe3-ad0435f5524f" providerId="ADAL" clId="{5C987293-3671-4F14-8591-234414D4FCFB}" dt="2021-02-15T15:46:24.479" v="4463"/>
          <ac:spMkLst>
            <pc:docMk/>
            <pc:sldMk cId="884058934" sldId="271"/>
            <ac:spMk id="35" creationId="{E2BB2BAC-403F-45C0-A4B8-CF379CE0C905}"/>
          </ac:spMkLst>
        </pc:spChg>
        <pc:picChg chg="add mod">
          <ac:chgData name="Fletcher Thompson" userId="d72954f8-2a84-4c3f-8fe3-ad0435f5524f" providerId="ADAL" clId="{5C987293-3671-4F14-8591-234414D4FCFB}" dt="2021-02-15T15:36:05.237" v="4289" actId="1076"/>
          <ac:picMkLst>
            <pc:docMk/>
            <pc:sldMk cId="884058934" sldId="271"/>
            <ac:picMk id="3074" creationId="{A67CF3BC-1A6C-486C-B167-83F50BB108EC}"/>
          </ac:picMkLst>
        </pc:picChg>
        <pc:picChg chg="add mod">
          <ac:chgData name="Fletcher Thompson" userId="d72954f8-2a84-4c3f-8fe3-ad0435f5524f" providerId="ADAL" clId="{5C987293-3671-4F14-8591-234414D4FCFB}" dt="2021-02-15T15:41:56.012" v="4379" actId="1076"/>
          <ac:picMkLst>
            <pc:docMk/>
            <pc:sldMk cId="884058934" sldId="271"/>
            <ac:picMk id="3076" creationId="{B66BE5B7-6967-42DA-A364-F3FFDBA0F300}"/>
          </ac:picMkLst>
        </pc:picChg>
        <pc:picChg chg="add mod">
          <ac:chgData name="Fletcher Thompson" userId="d72954f8-2a84-4c3f-8fe3-ad0435f5524f" providerId="ADAL" clId="{5C987293-3671-4F14-8591-234414D4FCFB}" dt="2021-02-15T15:42:05.098" v="4382" actId="1076"/>
          <ac:picMkLst>
            <pc:docMk/>
            <pc:sldMk cId="884058934" sldId="271"/>
            <ac:picMk id="3078" creationId="{D592E513-30C2-4AAA-8F55-CAEE66FE2B72}"/>
          </ac:picMkLst>
        </pc:picChg>
        <pc:picChg chg="add mod">
          <ac:chgData name="Fletcher Thompson" userId="d72954f8-2a84-4c3f-8fe3-ad0435f5524f" providerId="ADAL" clId="{5C987293-3671-4F14-8591-234414D4FCFB}" dt="2021-02-15T15:42:10.477" v="4383" actId="1076"/>
          <ac:picMkLst>
            <pc:docMk/>
            <pc:sldMk cId="884058934" sldId="271"/>
            <ac:picMk id="3080" creationId="{221F18A4-3966-4E89-996C-4461880E57C5}"/>
          </ac:picMkLst>
        </pc:picChg>
        <pc:picChg chg="add mod">
          <ac:chgData name="Fletcher Thompson" userId="d72954f8-2a84-4c3f-8fe3-ad0435f5524f" providerId="ADAL" clId="{5C987293-3671-4F14-8591-234414D4FCFB}" dt="2021-02-15T15:42:12.275" v="4384" actId="1076"/>
          <ac:picMkLst>
            <pc:docMk/>
            <pc:sldMk cId="884058934" sldId="271"/>
            <ac:picMk id="3082" creationId="{B5358403-FE95-4CAC-B914-54415F3823F5}"/>
          </ac:picMkLst>
        </pc:picChg>
        <pc:cxnChg chg="add mod">
          <ac:chgData name="Fletcher Thompson" userId="d72954f8-2a84-4c3f-8fe3-ad0435f5524f" providerId="ADAL" clId="{5C987293-3671-4F14-8591-234414D4FCFB}" dt="2021-02-15T15:44:20.589" v="4389"/>
          <ac:cxnSpMkLst>
            <pc:docMk/>
            <pc:sldMk cId="884058934" sldId="271"/>
            <ac:cxnSpMk id="8" creationId="{6AD57A19-92DA-4957-9B33-2E44E08EE26E}"/>
          </ac:cxnSpMkLst>
        </pc:cxnChg>
        <pc:cxnChg chg="add mod">
          <ac:chgData name="Fletcher Thompson" userId="d72954f8-2a84-4c3f-8fe3-ad0435f5524f" providerId="ADAL" clId="{5C987293-3671-4F14-8591-234414D4FCFB}" dt="2021-02-15T15:44:14.420" v="4388" actId="1582"/>
          <ac:cxnSpMkLst>
            <pc:docMk/>
            <pc:sldMk cId="884058934" sldId="271"/>
            <ac:cxnSpMk id="16" creationId="{C8345D6D-FD60-4376-B97A-5F2F0158CBFF}"/>
          </ac:cxnSpMkLst>
        </pc:cxnChg>
        <pc:cxnChg chg="add mod">
          <ac:chgData name="Fletcher Thompson" userId="d72954f8-2a84-4c3f-8fe3-ad0435f5524f" providerId="ADAL" clId="{5C987293-3671-4F14-8591-234414D4FCFB}" dt="2021-02-15T15:45:32.029" v="4419" actId="1582"/>
          <ac:cxnSpMkLst>
            <pc:docMk/>
            <pc:sldMk cId="884058934" sldId="271"/>
            <ac:cxnSpMk id="24" creationId="{E270FB40-FD57-4ED3-8770-0FB6FA07EE5D}"/>
          </ac:cxnSpMkLst>
        </pc:cxnChg>
        <pc:cxnChg chg="add del mod">
          <ac:chgData name="Fletcher Thompson" userId="d72954f8-2a84-4c3f-8fe3-ad0435f5524f" providerId="ADAL" clId="{5C987293-3671-4F14-8591-234414D4FCFB}" dt="2021-02-15T15:44:36.002" v="4392"/>
          <ac:cxnSpMkLst>
            <pc:docMk/>
            <pc:sldMk cId="884058934" sldId="271"/>
            <ac:cxnSpMk id="28" creationId="{7262502B-93CC-432C-97D8-F7A43CFC0576}"/>
          </ac:cxnSpMkLst>
        </pc:cxnChg>
      </pc:sldChg>
      <pc:sldChg chg="addSp modSp new mod">
        <pc:chgData name="Fletcher Thompson" userId="d72954f8-2a84-4c3f-8fe3-ad0435f5524f" providerId="ADAL" clId="{5C987293-3671-4F14-8591-234414D4FCFB}" dt="2021-02-15T15:56:25.490" v="5313" actId="1076"/>
        <pc:sldMkLst>
          <pc:docMk/>
          <pc:sldMk cId="2137095767" sldId="272"/>
        </pc:sldMkLst>
        <pc:spChg chg="mod">
          <ac:chgData name="Fletcher Thompson" userId="d72954f8-2a84-4c3f-8fe3-ad0435f5524f" providerId="ADAL" clId="{5C987293-3671-4F14-8591-234414D4FCFB}" dt="2021-02-15T15:47:12.531" v="4501" actId="20577"/>
          <ac:spMkLst>
            <pc:docMk/>
            <pc:sldMk cId="2137095767" sldId="272"/>
            <ac:spMk id="2" creationId="{5C5D96C0-E7F0-4CB7-878F-A2CE59FDB779}"/>
          </ac:spMkLst>
        </pc:spChg>
        <pc:spChg chg="mod">
          <ac:chgData name="Fletcher Thompson" userId="d72954f8-2a84-4c3f-8fe3-ad0435f5524f" providerId="ADAL" clId="{5C987293-3671-4F14-8591-234414D4FCFB}" dt="2021-02-15T15:47:18.050" v="4515" actId="20577"/>
          <ac:spMkLst>
            <pc:docMk/>
            <pc:sldMk cId="2137095767" sldId="272"/>
            <ac:spMk id="3" creationId="{0C29085D-8B3C-4F3C-9C5A-0F7592FC531C}"/>
          </ac:spMkLst>
        </pc:spChg>
        <pc:spChg chg="add mod">
          <ac:chgData name="Fletcher Thompson" userId="d72954f8-2a84-4c3f-8fe3-ad0435f5524f" providerId="ADAL" clId="{5C987293-3671-4F14-8591-234414D4FCFB}" dt="2021-02-15T15:55:42.331" v="5300" actId="1076"/>
          <ac:spMkLst>
            <pc:docMk/>
            <pc:sldMk cId="2137095767" sldId="272"/>
            <ac:spMk id="7" creationId="{B4D1EA98-3468-4570-89D2-E16D55013F9C}"/>
          </ac:spMkLst>
        </pc:spChg>
        <pc:graphicFrameChg chg="add mod modGraphic">
          <ac:chgData name="Fletcher Thompson" userId="d72954f8-2a84-4c3f-8fe3-ad0435f5524f" providerId="ADAL" clId="{5C987293-3671-4F14-8591-234414D4FCFB}" dt="2021-02-15T15:56:25.490" v="5313" actId="1076"/>
          <ac:graphicFrameMkLst>
            <pc:docMk/>
            <pc:sldMk cId="2137095767" sldId="272"/>
            <ac:graphicFrameMk id="6" creationId="{4D7FAD97-EBBF-4F06-A5E4-D81654963B60}"/>
          </ac:graphicFrameMkLst>
        </pc:graphicFrame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Question: This is a </a:t>
            </a:r>
            <a:r>
              <a:rPr lang="en-US" dirty="0" err="1"/>
              <a:t>german</a:t>
            </a:r>
            <a:r>
              <a:rPr lang="en-US" dirty="0"/>
              <a:t> submarine @ 1500 m depth. How did they get this picture?</a:t>
            </a:r>
          </a:p>
          <a:p>
            <a:endParaRPr lang="en-US" dirty="0"/>
          </a:p>
          <a:p>
            <a:r>
              <a:rPr lang="en-US" dirty="0"/>
              <a:t>QUESTION: Knots to m/s, does anybody know?</a:t>
            </a:r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0212908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b90353b6-afd8-4062-abdf-579b62172dab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Aqua</a:t>
            </a:r>
          </a:p>
        </p:txBody>
      </p:sp>
      <p:sp>
        <p:nvSpPr>
          <p:cNvPr id="5" name="date" descr="{&quot;templafy&quot;:{&quot;id&quot;:&quot;1458c420-e3b1-4e43-b1ec-2e933a5dafb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5 February 2021</a:t>
            </a:r>
          </a:p>
        </p:txBody>
      </p:sp>
      <p:sp>
        <p:nvSpPr>
          <p:cNvPr id="7" name="text" descr="{&quot;templafy&quot;:{&quot;id&quot;:&quot;42b88b1f-69e1-452f-bfdc-d37d3c86984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eg"/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4.jpe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https://waterlinked.com/underwater-gps/" TargetMode="External"/><Relationship Id="rId2" Type="http://schemas.openxmlformats.org/officeDocument/2006/relationships/hyperlink" Target="https://slideplayer.com/slide/10977661/" TargetMode="External"/><Relationship Id="rId1" Type="http://schemas.openxmlformats.org/officeDocument/2006/relationships/slideLayout" Target="../slideLayouts/slideLayout3.xml"/><Relationship Id="rId5" Type="http://schemas.openxmlformats.org/officeDocument/2006/relationships/hyperlink" Target="https://github.com/ArduPilot/ardupilot/tree/master/ArduSub" TargetMode="External"/><Relationship Id="rId4" Type="http://schemas.openxmlformats.org/officeDocument/2006/relationships/hyperlink" Target="https://discuss.bluerobotics.com/" TargetMode="Externa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DTUAqua-ObsTek/bluerov2" TargetMode="External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DTUAqua-ObsTek/bluerov2/blob/main/documentation/TUTORIAL-01.md" TargetMode="External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Relationship Id="rId6" Type="http://schemas.openxmlformats.org/officeDocument/2006/relationships/hyperlink" Target="https://robotik.dfki-bremen.de/en/research/projects/eurex.html" TargetMode="External"/><Relationship Id="rId5" Type="http://schemas.openxmlformats.org/officeDocument/2006/relationships/hyperlink" Target="https://www.youtube.com/watch?v=woTi--GCzwM&amp;ab_channel=EVNautilus" TargetMode="External"/><Relationship Id="rId4" Type="http://schemas.openxmlformats.org/officeDocument/2006/relationships/hyperlink" Target="https://oceanexplorer.noaa.gov/technology/subs/hercules/hercules.html" TargetMode="Externa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5.jpeg"/><Relationship Id="rId4" Type="http://schemas.openxmlformats.org/officeDocument/2006/relationships/image" Target="../media/image4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0.pn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jpe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600" dirty="0"/>
              <a:t>Introduction to </a:t>
            </a:r>
            <a:r>
              <a:rPr lang="en-GB" sz="6600" dirty="0" err="1"/>
              <a:t>BlueROV</a:t>
            </a:r>
            <a:r>
              <a:rPr lang="en-GB" sz="6600" dirty="0"/>
              <a:t> and Simulator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Special Course: Autonomous Marine Robotic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DEA1DCC-41FF-4D9D-AE76-B2EA40452C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ternal Navigation Aid</a:t>
            </a:r>
            <a:endParaRPr lang="en-DK" dirty="0"/>
          </a:p>
        </p:txBody>
      </p:sp>
      <p:pic>
        <p:nvPicPr>
          <p:cNvPr id="7" name="Content Placeholder 6" descr="A picture containing text, wall, indoor&#10;&#10;Description automatically generated">
            <a:extLst>
              <a:ext uri="{FF2B5EF4-FFF2-40B4-BE49-F238E27FC236}">
                <a16:creationId xmlns:a16="http://schemas.microsoft.com/office/drawing/2014/main" id="{DA3D3BEE-4F75-4734-A01C-FE618FE4D423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921" r="17615"/>
          <a:stretch/>
        </p:blipFill>
        <p:spPr>
          <a:xfrm rot="5400000">
            <a:off x="7034243" y="1385033"/>
            <a:ext cx="5137661" cy="5174678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12AA394-73E7-4768-9154-8091DC7D952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79715E-DF24-46D5-96F3-554CAD89C69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6673345-5FBF-4CDC-91D8-A9AB2838C259}"/>
              </a:ext>
            </a:extLst>
          </p:cNvPr>
          <p:cNvSpPr txBox="1"/>
          <p:nvPr/>
        </p:nvSpPr>
        <p:spPr>
          <a:xfrm>
            <a:off x="694605" y="1988840"/>
            <a:ext cx="5165667" cy="25750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Acoustic Baseline System (“Underwater GPS”)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Long Baseline (LBL)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Short Baseline (SBL)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Ultra-short Baseline (USBL)</a:t>
            </a:r>
          </a:p>
          <a:p>
            <a:pPr algn="l">
              <a:spcBef>
                <a:spcPts val="432"/>
              </a:spcBef>
            </a:pPr>
            <a:endParaRPr lang="en-US" sz="1800" dirty="0">
              <a:latin typeface="+mn-lt"/>
            </a:endParaRPr>
          </a:p>
        </p:txBody>
      </p:sp>
      <p:pic>
        <p:nvPicPr>
          <p:cNvPr id="11" name="Picture 10" descr="A picture containing wall, blue&#10;&#10;Description automatically generated">
            <a:extLst>
              <a:ext uri="{FF2B5EF4-FFF2-40B4-BE49-F238E27FC236}">
                <a16:creationId xmlns:a16="http://schemas.microsoft.com/office/drawing/2014/main" id="{14BDD173-D62E-4AB8-B72D-0AA02539C9A1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47" t="14300" r="14186" b="17450"/>
          <a:stretch/>
        </p:blipFill>
        <p:spPr>
          <a:xfrm>
            <a:off x="3900481" y="4388641"/>
            <a:ext cx="3115254" cy="2177328"/>
          </a:xfrm>
          <a:prstGeom prst="rect">
            <a:avLst/>
          </a:prstGeom>
        </p:spPr>
      </p:pic>
      <p:pic>
        <p:nvPicPr>
          <p:cNvPr id="13" name="Picture 12" descr="A picture containing indoor, projector&#10;&#10;Description automatically generated">
            <a:extLst>
              <a:ext uri="{FF2B5EF4-FFF2-40B4-BE49-F238E27FC236}">
                <a16:creationId xmlns:a16="http://schemas.microsoft.com/office/drawing/2014/main" id="{93A70E20-2732-4A87-A048-9F9ADBA9B492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4724"/>
          <a:stretch/>
        </p:blipFill>
        <p:spPr>
          <a:xfrm rot="10800000">
            <a:off x="0" y="4363871"/>
            <a:ext cx="3900480" cy="22020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6267288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D223C01-B07B-4F37-A3A0-1E04E2F1EF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rther Reading on </a:t>
            </a:r>
            <a:r>
              <a:rPr lang="en-US" dirty="0" err="1"/>
              <a:t>BlueROV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EBC43DD-246E-4A75-8CF7-C737D68492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731724" cy="4545578"/>
          </a:xfrm>
        </p:spPr>
        <p:txBody>
          <a:bodyPr/>
          <a:lstStyle/>
          <a:p>
            <a:r>
              <a:rPr lang="en-AU" dirty="0"/>
              <a:t>In-depth Presentation on </a:t>
            </a:r>
            <a:r>
              <a:rPr lang="en-AU" dirty="0" err="1"/>
              <a:t>BlueROV</a:t>
            </a:r>
            <a:r>
              <a:rPr lang="en-AU" dirty="0"/>
              <a:t> (</a:t>
            </a:r>
            <a:r>
              <a:rPr lang="en-AU" b="1" dirty="0"/>
              <a:t>Best to Mute</a:t>
            </a:r>
            <a:r>
              <a:rPr lang="en-AU" dirty="0"/>
              <a:t>): </a:t>
            </a:r>
            <a:r>
              <a:rPr lang="en-AU" dirty="0">
                <a:hlinkClick r:id="rId2"/>
              </a:rPr>
              <a:t>https://slideplayer.com/slide/10977661/</a:t>
            </a:r>
            <a:r>
              <a:rPr lang="en-AU" dirty="0"/>
              <a:t> </a:t>
            </a:r>
          </a:p>
          <a:p>
            <a:endParaRPr lang="en-AU" dirty="0"/>
          </a:p>
          <a:p>
            <a:r>
              <a:rPr lang="en-US" dirty="0" err="1"/>
              <a:t>Waterlinked</a:t>
            </a:r>
            <a:r>
              <a:rPr lang="en-US" dirty="0"/>
              <a:t> Short Baseline: </a:t>
            </a:r>
            <a:r>
              <a:rPr lang="en-US" dirty="0">
                <a:hlinkClick r:id="rId3"/>
              </a:rPr>
              <a:t>https://waterlinked.com/underwater-gps/</a:t>
            </a:r>
            <a:r>
              <a:rPr lang="en-US" dirty="0"/>
              <a:t> </a:t>
            </a:r>
          </a:p>
          <a:p>
            <a:endParaRPr lang="en-US" dirty="0"/>
          </a:p>
          <a:p>
            <a:r>
              <a:rPr lang="en-US" dirty="0"/>
              <a:t>Blue Robotics Forums: </a:t>
            </a:r>
            <a:r>
              <a:rPr lang="en-US" dirty="0">
                <a:hlinkClick r:id="rId4"/>
              </a:rPr>
              <a:t>https://discuss.bluerobotics.com/</a:t>
            </a:r>
            <a:endParaRPr lang="en-US" dirty="0"/>
          </a:p>
          <a:p>
            <a:endParaRPr lang="en-US" dirty="0"/>
          </a:p>
          <a:p>
            <a:r>
              <a:rPr lang="en-US" dirty="0" err="1"/>
              <a:t>ArduSub</a:t>
            </a:r>
            <a:r>
              <a:rPr lang="en-US" dirty="0"/>
              <a:t> source code: </a:t>
            </a:r>
            <a:r>
              <a:rPr lang="en-US" dirty="0">
                <a:hlinkClick r:id="rId5"/>
              </a:rPr>
              <a:t>https://github.com/ArduPilot/ardupilot/tree/master/ArduSub</a:t>
            </a:r>
            <a:r>
              <a:rPr lang="en-US" dirty="0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A228DB0-BDF0-4F85-BA4A-DBC3E3194E7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9B3CBBA-D55B-4713-B1AB-7E443191E8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6E05E671-8662-4174-91CB-4ED789DB3CFA}"/>
              </a:ext>
            </a:extLst>
          </p:cNvPr>
          <p:cNvSpPr txBox="1">
            <a:spLocks/>
          </p:cNvSpPr>
          <p:nvPr/>
        </p:nvSpPr>
        <p:spPr bwMode="auto">
          <a:xfrm>
            <a:off x="1774726" y="3957351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kern="0" dirty="0"/>
              <a:t>Questions?</a:t>
            </a:r>
            <a:endParaRPr lang="en-DK" kern="0" dirty="0"/>
          </a:p>
        </p:txBody>
      </p:sp>
    </p:spTree>
    <p:extLst>
      <p:ext uri="{BB962C8B-B14F-4D97-AF65-F5344CB8AC3E}">
        <p14:creationId xmlns:p14="http://schemas.microsoft.com/office/powerpoint/2010/main" val="211419029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34293D-6866-4BB9-9A4C-0E93BBDEAE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imulating the BlueROV2</a:t>
            </a:r>
            <a:endParaRPr lang="en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C1E7E82-DAD6-4E9F-B4A5-15E62C6E136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2F8EB05-84D7-4AF2-B253-0445D2DA70D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3074" name="Picture 2">
            <a:extLst>
              <a:ext uri="{FF2B5EF4-FFF2-40B4-BE49-F238E27FC236}">
                <a16:creationId xmlns:a16="http://schemas.microsoft.com/office/drawing/2014/main" id="{A67CF3BC-1A6C-486C-B167-83F50BB108EC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8582" y="2679279"/>
            <a:ext cx="4353353" cy="263602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 descr="ArduPilot">
            <a:extLst>
              <a:ext uri="{FF2B5EF4-FFF2-40B4-BE49-F238E27FC236}">
                <a16:creationId xmlns:a16="http://schemas.microsoft.com/office/drawing/2014/main" id="{B66BE5B7-6967-42DA-A364-F3FFDBA0F30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52370"/>
          <a:stretch/>
        </p:blipFill>
        <p:spPr bwMode="auto">
          <a:xfrm>
            <a:off x="5607827" y="2148501"/>
            <a:ext cx="2448272" cy="3725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8" name="Picture 6" descr="Image result for gazebo software">
            <a:extLst>
              <a:ext uri="{FF2B5EF4-FFF2-40B4-BE49-F238E27FC236}">
                <a16:creationId xmlns:a16="http://schemas.microsoft.com/office/drawing/2014/main" id="{D592E513-30C2-4AAA-8F55-CAEE66FE2B7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754368" y="1936948"/>
            <a:ext cx="890588" cy="12811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9B5D7DDD-43EE-40E8-BC1B-9F3793E15878}"/>
              </a:ext>
            </a:extLst>
          </p:cNvPr>
          <p:cNvSpPr txBox="1"/>
          <p:nvPr/>
        </p:nvSpPr>
        <p:spPr>
          <a:xfrm>
            <a:off x="7175328" y="1535758"/>
            <a:ext cx="288032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sz="2000" dirty="0">
                <a:latin typeface="+mn-lt"/>
              </a:rPr>
              <a:t>Physics Environment</a:t>
            </a:r>
            <a:endParaRPr lang="en-DK" sz="2000" dirty="0" err="1">
              <a:latin typeface="+mn-lt"/>
            </a:endParaRPr>
          </a:p>
        </p:txBody>
      </p:sp>
      <p:pic>
        <p:nvPicPr>
          <p:cNvPr id="3080" name="Picture 8" descr="Image result for qgroundcontrol">
            <a:extLst>
              <a:ext uri="{FF2B5EF4-FFF2-40B4-BE49-F238E27FC236}">
                <a16:creationId xmlns:a16="http://schemas.microsoft.com/office/drawing/2014/main" id="{221F18A4-3966-4E89-996C-4461880E57C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17517" y="5040369"/>
            <a:ext cx="1071563" cy="10715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82" name="Picture 10" descr="Image result for ros">
            <a:extLst>
              <a:ext uri="{FF2B5EF4-FFF2-40B4-BE49-F238E27FC236}">
                <a16:creationId xmlns:a16="http://schemas.microsoft.com/office/drawing/2014/main" id="{B5358403-FE95-4CAC-B914-54415F3823F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759501" y="5192707"/>
            <a:ext cx="2880321" cy="76688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6AD57A19-92DA-4957-9B33-2E44E08EE26E}"/>
              </a:ext>
            </a:extLst>
          </p:cNvPr>
          <p:cNvCxnSpPr>
            <a:stCxn id="3080" idx="0"/>
            <a:endCxn id="3076" idx="2"/>
          </p:cNvCxnSpPr>
          <p:nvPr/>
        </p:nvCxnSpPr>
        <p:spPr bwMode="auto">
          <a:xfrm flipH="1" flipV="1">
            <a:off x="6831963" y="2521064"/>
            <a:ext cx="21336" cy="251930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C8345D6D-FD60-4376-B97A-5F2F0158CBFF}"/>
              </a:ext>
            </a:extLst>
          </p:cNvPr>
          <p:cNvCxnSpPr>
            <a:stCxn id="3082" idx="0"/>
            <a:endCxn id="3078" idx="2"/>
          </p:cNvCxnSpPr>
          <p:nvPr/>
        </p:nvCxnSpPr>
        <p:spPr bwMode="auto">
          <a:xfrm flipV="1">
            <a:off x="10199662" y="3218061"/>
            <a:ext cx="0" cy="1974646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6498B5F3-0D03-4541-BBD2-7EE3244D169E}"/>
              </a:ext>
            </a:extLst>
          </p:cNvPr>
          <p:cNvSpPr txBox="1"/>
          <p:nvPr/>
        </p:nvSpPr>
        <p:spPr>
          <a:xfrm>
            <a:off x="7031310" y="6161039"/>
            <a:ext cx="288032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sz="2000" dirty="0">
                <a:latin typeface="+mn-lt"/>
              </a:rPr>
              <a:t>Interface</a:t>
            </a:r>
            <a:endParaRPr lang="en-DK" sz="2000" dirty="0" err="1">
              <a:latin typeface="+mn-lt"/>
            </a:endParaRP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E270FB40-FD57-4ED3-8770-0FB6FA07EE5D}"/>
              </a:ext>
            </a:extLst>
          </p:cNvPr>
          <p:cNvCxnSpPr/>
          <p:nvPr/>
        </p:nvCxnSpPr>
        <p:spPr bwMode="auto">
          <a:xfrm>
            <a:off x="7834374" y="2649494"/>
            <a:ext cx="1429184" cy="2291554"/>
          </a:xfrm>
          <a:prstGeom prst="straightConnector1">
            <a:avLst/>
          </a:prstGeom>
          <a:solidFill>
            <a:schemeClr val="accent1"/>
          </a:solidFill>
          <a:ln w="76200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42E54715-395F-4B09-A8BF-B8D0FC9521AE}"/>
              </a:ext>
            </a:extLst>
          </p:cNvPr>
          <p:cNvSpPr txBox="1"/>
          <p:nvPr/>
        </p:nvSpPr>
        <p:spPr>
          <a:xfrm>
            <a:off x="8579246" y="3534495"/>
            <a:ext cx="957921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MAVROS</a:t>
            </a:r>
            <a:endParaRPr lang="en-DK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8405893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7" grpId="0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C5D96C0-E7F0-4CB7-878F-A2CE59FDB77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ich Simulator is Better?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29085D-8B3C-4F3C-9C5A-0F7592FC531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No Perfect Fit</a:t>
            </a:r>
            <a:endParaRPr lang="en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6AF4CF2-84D2-4F12-B5CB-5A112A9C3F0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E00643-21A5-430A-ACF6-716B23CAED6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4D7FAD97-EBBF-4F06-A5E4-D81654963B6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37631108"/>
              </p:ext>
            </p:extLst>
          </p:nvPr>
        </p:nvGraphicFramePr>
        <p:xfrm>
          <a:off x="1702718" y="2138080"/>
          <a:ext cx="8311944" cy="2225040"/>
        </p:xfrm>
        <a:graphic>
          <a:graphicData uri="http://schemas.openxmlformats.org/drawingml/2006/table">
            <a:tbl>
              <a:tblPr firstRow="1" bandRow="1">
                <a:tableStyleId>{00A15C55-8517-42AA-B614-E9B94910E393}</a:tableStyleId>
              </a:tblPr>
              <a:tblGrid>
                <a:gridCol w="4155972">
                  <a:extLst>
                    <a:ext uri="{9D8B030D-6E8A-4147-A177-3AD203B41FA5}">
                      <a16:colId xmlns:a16="http://schemas.microsoft.com/office/drawing/2014/main" val="2450441714"/>
                    </a:ext>
                  </a:extLst>
                </a:gridCol>
                <a:gridCol w="4155972">
                  <a:extLst>
                    <a:ext uri="{9D8B030D-6E8A-4147-A177-3AD203B41FA5}">
                      <a16:colId xmlns:a16="http://schemas.microsoft.com/office/drawing/2014/main" val="3654357044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 err="1"/>
                        <a:t>ArduPilot</a:t>
                      </a:r>
                      <a:r>
                        <a:rPr lang="en-US" dirty="0"/>
                        <a:t> (</a:t>
                      </a:r>
                      <a:r>
                        <a:rPr lang="en-US" dirty="0" err="1"/>
                        <a:t>ArduSub</a:t>
                      </a:r>
                      <a:r>
                        <a:rPr lang="en-US" dirty="0"/>
                        <a:t> SITL)</a:t>
                      </a:r>
                      <a:endParaRPr lang="en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Gazebo (UUV Simulator)</a:t>
                      </a:r>
                      <a:endParaRPr lang="en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5225803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Lightweight (CPU Friendly)</a:t>
                      </a:r>
                      <a:endParaRPr lang="en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CPU Heavy</a:t>
                      </a:r>
                      <a:endParaRPr lang="en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021336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Plug &amp; Play (Interchange HW / SW)</a:t>
                      </a:r>
                      <a:endParaRPr lang="en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o FCU readily available</a:t>
                      </a:r>
                      <a:endParaRPr lang="en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44819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odelled to BlueROV2</a:t>
                      </a:r>
                      <a:endParaRPr lang="en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Can simulate any vehicle</a:t>
                      </a:r>
                      <a:endParaRPr lang="en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7133069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No Camera</a:t>
                      </a:r>
                      <a:endParaRPr lang="en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Can simulate cameras, DVL sonar etc.</a:t>
                      </a:r>
                      <a:endParaRPr lang="en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9219029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Simple collision (seabed)</a:t>
                      </a:r>
                      <a:endParaRPr lang="en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Collision with models</a:t>
                      </a:r>
                      <a:endParaRPr lang="en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49882073"/>
                  </a:ext>
                </a:extLst>
              </a:tr>
            </a:tbl>
          </a:graphicData>
        </a:graphic>
      </p:graphicFrame>
      <p:sp>
        <p:nvSpPr>
          <p:cNvPr id="7" name="TextBox 6">
            <a:extLst>
              <a:ext uri="{FF2B5EF4-FFF2-40B4-BE49-F238E27FC236}">
                <a16:creationId xmlns:a16="http://schemas.microsoft.com/office/drawing/2014/main" id="{B4D1EA98-3468-4570-89D2-E16D55013F9C}"/>
              </a:ext>
            </a:extLst>
          </p:cNvPr>
          <p:cNvSpPr txBox="1"/>
          <p:nvPr/>
        </p:nvSpPr>
        <p:spPr>
          <a:xfrm>
            <a:off x="1774726" y="4516862"/>
            <a:ext cx="8568952" cy="17645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en-US" sz="1800" b="1" dirty="0">
                <a:latin typeface="+mn-lt"/>
              </a:rPr>
              <a:t>Suggested BlueROV2 “Pain Free“™ Workflow</a:t>
            </a:r>
          </a:p>
          <a:p>
            <a:pPr marL="342900" indent="-342900" algn="l">
              <a:lnSpc>
                <a:spcPct val="150000"/>
              </a:lnSpc>
              <a:spcBef>
                <a:spcPts val="432"/>
              </a:spcBef>
              <a:buFont typeface="+mj-lt"/>
              <a:buAutoNum type="arabicPeriod"/>
            </a:pPr>
            <a:r>
              <a:rPr lang="en-US" sz="1800" dirty="0">
                <a:latin typeface="+mn-lt"/>
              </a:rPr>
              <a:t>Design “Amazing System” in ROS with </a:t>
            </a:r>
            <a:r>
              <a:rPr lang="en-US" sz="1800" dirty="0" err="1">
                <a:latin typeface="+mn-lt"/>
              </a:rPr>
              <a:t>ArduSub</a:t>
            </a:r>
            <a:r>
              <a:rPr lang="en-US" sz="1800" dirty="0">
                <a:latin typeface="+mn-lt"/>
              </a:rPr>
              <a:t> backend</a:t>
            </a:r>
          </a:p>
          <a:p>
            <a:pPr marL="342900" indent="-342900" algn="l">
              <a:lnSpc>
                <a:spcPct val="150000"/>
              </a:lnSpc>
              <a:spcBef>
                <a:spcPts val="432"/>
              </a:spcBef>
              <a:buFont typeface="+mj-lt"/>
              <a:buAutoNum type="arabicPeriod"/>
            </a:pPr>
            <a:r>
              <a:rPr lang="en-US" sz="1800" dirty="0">
                <a:latin typeface="+mn-lt"/>
              </a:rPr>
              <a:t>Do extensive testing in SITL</a:t>
            </a:r>
          </a:p>
          <a:p>
            <a:pPr marL="342900" indent="-342900" algn="l">
              <a:lnSpc>
                <a:spcPct val="150000"/>
              </a:lnSpc>
              <a:spcBef>
                <a:spcPts val="432"/>
              </a:spcBef>
              <a:buFont typeface="+mj-lt"/>
              <a:buAutoNum type="arabicPeriod"/>
            </a:pPr>
            <a:r>
              <a:rPr lang="en-US" sz="1800" dirty="0">
                <a:latin typeface="+mn-lt"/>
              </a:rPr>
              <a:t>Implement on Real Vehicle!</a:t>
            </a:r>
            <a:endParaRPr lang="en-DK" sz="18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3709576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82317-00CE-4FEF-938F-3A21DBAB95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imulating the BlueROV2</a:t>
            </a:r>
            <a:endParaRPr lang="en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1B899B5-5C00-4019-83DE-0169B3327B1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C683199-4054-4108-ADEF-95269CE698F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684DCF6-A010-48E1-96B5-F8BFE3031500}"/>
              </a:ext>
            </a:extLst>
          </p:cNvPr>
          <p:cNvSpPr txBox="1"/>
          <p:nvPr/>
        </p:nvSpPr>
        <p:spPr>
          <a:xfrm>
            <a:off x="838622" y="1988840"/>
            <a:ext cx="9073008" cy="381642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Installation Checklist</a:t>
            </a: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Wingdings" panose="05000000000000000000" pitchFamily="2" charset="2"/>
              <a:buChar char="q"/>
            </a:pPr>
            <a:r>
              <a:rPr lang="en-US" dirty="0">
                <a:latin typeface="+mn-lt"/>
              </a:rPr>
              <a:t>Found Open-Source Simulator Software Web Page in DTU Learn</a:t>
            </a:r>
          </a:p>
          <a:p>
            <a:pPr marL="742950" lvl="1" indent="-285750">
              <a:spcBef>
                <a:spcPts val="432"/>
              </a:spcBef>
              <a:buFont typeface="Wingdings" panose="05000000000000000000" pitchFamily="2" charset="2"/>
              <a:buChar char="q"/>
            </a:pPr>
            <a:r>
              <a:rPr lang="en-US" dirty="0">
                <a:latin typeface="+mn-lt"/>
                <a:hlinkClick r:id="rId2"/>
              </a:rPr>
              <a:t>https://github.com/DTUAqua-ObsTek/bluerov2</a:t>
            </a:r>
            <a:r>
              <a:rPr lang="en-US" dirty="0">
                <a:latin typeface="+mn-lt"/>
              </a:rPr>
              <a:t> </a:t>
            </a:r>
          </a:p>
          <a:p>
            <a:pPr marL="285750" indent="-285750" algn="l">
              <a:spcBef>
                <a:spcPts val="432"/>
              </a:spcBef>
              <a:buFont typeface="Wingdings" panose="05000000000000000000" pitchFamily="2" charset="2"/>
              <a:buChar char="q"/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Wingdings" panose="05000000000000000000" pitchFamily="2" charset="2"/>
              <a:buChar char="q"/>
            </a:pPr>
            <a:r>
              <a:rPr lang="en-US" dirty="0">
                <a:latin typeface="+mn-lt"/>
              </a:rPr>
              <a:t>Installed Ubuntu 20.04 (or virtual machine)</a:t>
            </a:r>
          </a:p>
          <a:p>
            <a:pPr marL="285750" indent="-285750" algn="l">
              <a:spcBef>
                <a:spcPts val="432"/>
              </a:spcBef>
              <a:buFont typeface="Wingdings" panose="05000000000000000000" pitchFamily="2" charset="2"/>
              <a:buChar char="q"/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Wingdings" panose="05000000000000000000" pitchFamily="2" charset="2"/>
              <a:buChar char="q"/>
            </a:pPr>
            <a:r>
              <a:rPr lang="en-US" dirty="0">
                <a:latin typeface="+mn-lt"/>
              </a:rPr>
              <a:t>Installed ROS Noetic </a:t>
            </a:r>
            <a:r>
              <a:rPr lang="en-US" dirty="0" err="1">
                <a:latin typeface="+mn-lt"/>
              </a:rPr>
              <a:t>Ninjemys</a:t>
            </a:r>
            <a:r>
              <a:rPr lang="en-US" dirty="0">
                <a:latin typeface="+mn-lt"/>
              </a:rPr>
              <a:t> Desktop</a:t>
            </a:r>
          </a:p>
          <a:p>
            <a:pPr marL="742950" lvl="1" indent="-285750">
              <a:spcBef>
                <a:spcPts val="432"/>
              </a:spcBef>
              <a:buFont typeface="Wingdings" panose="05000000000000000000" pitchFamily="2" charset="2"/>
              <a:buChar char="q"/>
            </a:pPr>
            <a:r>
              <a:rPr lang="en-US" dirty="0">
                <a:latin typeface="+mn-lt"/>
              </a:rPr>
              <a:t>MAVROS</a:t>
            </a:r>
          </a:p>
          <a:p>
            <a:pPr marL="285750" indent="-285750" algn="l">
              <a:spcBef>
                <a:spcPts val="432"/>
              </a:spcBef>
              <a:buFont typeface="Wingdings" panose="05000000000000000000" pitchFamily="2" charset="2"/>
              <a:buChar char="q"/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Wingdings" panose="05000000000000000000" pitchFamily="2" charset="2"/>
              <a:buChar char="q"/>
            </a:pPr>
            <a:r>
              <a:rPr lang="en-US" dirty="0">
                <a:latin typeface="+mn-lt"/>
              </a:rPr>
              <a:t>Installed </a:t>
            </a:r>
            <a:r>
              <a:rPr lang="en-US" dirty="0" err="1">
                <a:latin typeface="+mn-lt"/>
              </a:rPr>
              <a:t>ArduPilot</a:t>
            </a:r>
            <a:r>
              <a:rPr lang="en-US" dirty="0">
                <a:latin typeface="+mn-lt"/>
              </a:rPr>
              <a:t> and compiled </a:t>
            </a:r>
            <a:r>
              <a:rPr lang="en-US" dirty="0" err="1">
                <a:latin typeface="+mn-lt"/>
              </a:rPr>
              <a:t>ArduSub</a:t>
            </a:r>
            <a:r>
              <a:rPr lang="en-US" dirty="0">
                <a:latin typeface="+mn-lt"/>
              </a:rPr>
              <a:t> SITL</a:t>
            </a:r>
          </a:p>
          <a:p>
            <a:pPr marL="285750" indent="-285750" algn="l">
              <a:spcBef>
                <a:spcPts val="432"/>
              </a:spcBef>
              <a:buFont typeface="Wingdings" panose="05000000000000000000" pitchFamily="2" charset="2"/>
              <a:buChar char="q"/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Wingdings" panose="05000000000000000000" pitchFamily="2" charset="2"/>
              <a:buChar char="q"/>
            </a:pPr>
            <a:r>
              <a:rPr lang="en-US" dirty="0">
                <a:latin typeface="+mn-lt"/>
              </a:rPr>
              <a:t>Installed </a:t>
            </a:r>
            <a:r>
              <a:rPr lang="en-US" dirty="0" err="1">
                <a:latin typeface="+mn-lt"/>
              </a:rPr>
              <a:t>QGroundControl</a:t>
            </a:r>
            <a:endParaRPr lang="en-DK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4198807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ctivities!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Make sure to cd into your clone/fork of the bluerov2 repository.</a:t>
            </a:r>
          </a:p>
          <a:p>
            <a:endParaRPr lang="en-GB" dirty="0"/>
          </a:p>
          <a:p>
            <a:r>
              <a:rPr lang="en-GB" dirty="0"/>
              <a:t>Run the following to pull in the latest changes:</a:t>
            </a:r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			git pull origin master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r>
              <a:rPr lang="en-GB" dirty="0"/>
              <a:t>Navigate to: </a:t>
            </a:r>
            <a:r>
              <a:rPr lang="en-GB" dirty="0">
                <a:hlinkClick r:id="rId2"/>
              </a:rPr>
              <a:t>The BlueROV2 ROS Stack</a:t>
            </a:r>
            <a:endParaRPr lang="en-GB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3305149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E293FBE-5661-4D17-8282-1A0B517301A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4B02717-16F9-40FC-9C6F-446F6F842F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3693520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opic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Introduction</a:t>
            </a:r>
          </a:p>
          <a:p>
            <a:endParaRPr lang="en-GB" dirty="0"/>
          </a:p>
          <a:p>
            <a:r>
              <a:rPr lang="en-GB" dirty="0" err="1"/>
              <a:t>BlueROV</a:t>
            </a:r>
            <a:r>
              <a:rPr lang="en-GB" dirty="0"/>
              <a:t> (v1 &amp; v2) system overview</a:t>
            </a:r>
          </a:p>
          <a:p>
            <a:endParaRPr lang="en-GB" dirty="0"/>
          </a:p>
          <a:p>
            <a:r>
              <a:rPr lang="en-GB" dirty="0"/>
              <a:t>Simulators</a:t>
            </a:r>
          </a:p>
          <a:p>
            <a:pPr lvl="1"/>
            <a:r>
              <a:rPr lang="en-GB" b="1" dirty="0" err="1"/>
              <a:t>ArduSub</a:t>
            </a:r>
            <a:r>
              <a:rPr lang="en-GB" b="1" dirty="0"/>
              <a:t> SITL</a:t>
            </a:r>
          </a:p>
          <a:p>
            <a:pPr lvl="1"/>
            <a:r>
              <a:rPr lang="en-GB" dirty="0"/>
              <a:t>Unmanned Underwater Vehicle Simulator</a:t>
            </a:r>
          </a:p>
          <a:p>
            <a:pPr lvl="1"/>
            <a:r>
              <a:rPr lang="en-GB" dirty="0"/>
              <a:t>Marine Systems Simulator Toolbox (MATLAB)</a:t>
            </a:r>
          </a:p>
          <a:p>
            <a:endParaRPr lang="en-GB" dirty="0"/>
          </a:p>
          <a:p>
            <a:r>
              <a:rPr lang="en-GB" dirty="0"/>
              <a:t>Activities (</a:t>
            </a:r>
            <a:r>
              <a:rPr lang="en-GB" dirty="0" err="1"/>
              <a:t>ArduSub</a:t>
            </a:r>
            <a:r>
              <a:rPr lang="en-GB" dirty="0"/>
              <a:t> SITL)</a:t>
            </a:r>
          </a:p>
          <a:p>
            <a:pPr lvl="1"/>
            <a:r>
              <a:rPr lang="en-GB" dirty="0"/>
              <a:t>Simulating BlueROV2</a:t>
            </a:r>
          </a:p>
          <a:p>
            <a:pPr lvl="1"/>
            <a:r>
              <a:rPr lang="en-GB" dirty="0"/>
              <a:t>Changing BlueROV2 Control State</a:t>
            </a:r>
          </a:p>
          <a:p>
            <a:pPr lvl="1"/>
            <a:r>
              <a:rPr lang="en-GB" dirty="0"/>
              <a:t>Understanding the MAVROS interface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3E1D9A-F8AF-443E-979E-58AD524C20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OV – Remotely Operated Vehicle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138E68-DD82-4B3B-A7F0-A9712FC3633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3888432" cy="4545578"/>
          </a:xfrm>
        </p:spPr>
        <p:txBody>
          <a:bodyPr/>
          <a:lstStyle/>
          <a:p>
            <a:r>
              <a:rPr lang="en-US" dirty="0"/>
              <a:t>Tethered to Control Station</a:t>
            </a:r>
          </a:p>
          <a:p>
            <a:pPr lvl="1"/>
            <a:r>
              <a:rPr lang="en-US" dirty="0"/>
              <a:t>Low Latency Feedback</a:t>
            </a:r>
          </a:p>
          <a:p>
            <a:endParaRPr lang="en-US" dirty="0"/>
          </a:p>
          <a:p>
            <a:r>
              <a:rPr lang="en-US" dirty="0"/>
              <a:t>Vectored Thrusting</a:t>
            </a:r>
          </a:p>
          <a:p>
            <a:pPr lvl="1"/>
            <a:r>
              <a:rPr lang="en-US" dirty="0"/>
              <a:t>Fully/Over-actuated Control</a:t>
            </a:r>
          </a:p>
          <a:p>
            <a:endParaRPr lang="en-US" dirty="0"/>
          </a:p>
          <a:p>
            <a:r>
              <a:rPr lang="en-US" dirty="0"/>
              <a:t>Hydrostatically Stable, but low hydrodynamic efficiency.</a:t>
            </a:r>
          </a:p>
          <a:p>
            <a:pPr lvl="1"/>
            <a:r>
              <a:rPr lang="en-US" dirty="0"/>
              <a:t>Low speeds (&lt; 2 knots)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B6E6C15-05B6-4B80-AFE3-3A669DC86CF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C45AC2F-7ABC-457E-8391-0E79B5879FE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02AFF20-DD6B-414B-BCCC-1F697830429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951190" y="1706328"/>
            <a:ext cx="5887507" cy="3573016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BD197E5F-A732-4DF8-B9ED-11C3FD9C7C83}"/>
              </a:ext>
            </a:extLst>
          </p:cNvPr>
          <p:cNvSpPr txBox="1"/>
          <p:nvPr/>
        </p:nvSpPr>
        <p:spPr>
          <a:xfrm>
            <a:off x="1558702" y="5151672"/>
            <a:ext cx="3672408" cy="1025922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US" sz="2800" b="1" dirty="0">
                <a:latin typeface="+mn-lt"/>
              </a:rPr>
              <a:t>1 knot </a:t>
            </a:r>
            <a:r>
              <a:rPr lang="en-DK" sz="2800" b="1" i="0" dirty="0">
                <a:solidFill>
                  <a:srgbClr val="202124"/>
                </a:solidFill>
                <a:effectLst/>
                <a:latin typeface="arial" panose="020B0604020202020204" pitchFamily="34" charset="0"/>
              </a:rPr>
              <a:t>≈</a:t>
            </a:r>
            <a:r>
              <a:rPr lang="en-US" sz="2800" b="1" i="0" dirty="0">
                <a:solidFill>
                  <a:srgbClr val="202124"/>
                </a:solidFill>
                <a:effectLst/>
                <a:latin typeface="arial" panose="020B0604020202020204" pitchFamily="34" charset="0"/>
              </a:rPr>
              <a:t> 0.5144 m/s</a:t>
            </a:r>
          </a:p>
          <a:p>
            <a:pPr algn="ctr">
              <a:spcBef>
                <a:spcPts val="432"/>
              </a:spcBef>
            </a:pPr>
            <a:endParaRPr lang="en-DK" dirty="0" err="1">
              <a:latin typeface="+mn-lt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66AA2B8-7B86-4DEA-BD0A-03BC5B4476BF}"/>
              </a:ext>
            </a:extLst>
          </p:cNvPr>
          <p:cNvSpPr txBox="1"/>
          <p:nvPr/>
        </p:nvSpPr>
        <p:spPr>
          <a:xfrm>
            <a:off x="5747216" y="5291983"/>
            <a:ext cx="67930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AU" dirty="0">
                <a:latin typeface="+mn-lt"/>
                <a:hlinkClick r:id="rId4"/>
              </a:rPr>
              <a:t>https://oceanexplorer.noaa.gov/technology/subs/hercules/hercules.html</a:t>
            </a:r>
            <a:r>
              <a:rPr lang="en-AU" dirty="0">
                <a:latin typeface="+mn-lt"/>
              </a:rPr>
              <a:t> </a:t>
            </a:r>
            <a:endParaRPr lang="en-DK" dirty="0" err="1">
              <a:latin typeface="+mn-lt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5375126" y="5851910"/>
            <a:ext cx="687714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>
                <a:latin typeface="+mn-lt"/>
                <a:hlinkClick r:id="rId5"/>
              </a:rPr>
              <a:t>https://www.youtube.com/watch?v=woTi--GCzwM&amp;ab_channel=EVNautilus</a:t>
            </a:r>
            <a:r>
              <a:rPr lang="en-GB" dirty="0">
                <a:latin typeface="+mn-lt"/>
              </a:rPr>
              <a:t> 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5747216" y="5552949"/>
            <a:ext cx="663565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b="1" dirty="0">
                <a:latin typeface="+mn-lt"/>
              </a:rPr>
              <a:t>Nautilus Live: Biologists Live Stream the Benthic</a:t>
            </a:r>
          </a:p>
        </p:txBody>
      </p:sp>
      <p:sp>
        <p:nvSpPr>
          <p:cNvPr id="11" name="TextBox 10"/>
          <p:cNvSpPr txBox="1"/>
          <p:nvPr/>
        </p:nvSpPr>
        <p:spPr>
          <a:xfrm>
            <a:off x="5747216" y="6084013"/>
            <a:ext cx="663565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b="1" dirty="0">
                <a:latin typeface="+mn-lt"/>
              </a:rPr>
              <a:t>Mission to Europa</a:t>
            </a:r>
          </a:p>
        </p:txBody>
      </p:sp>
      <p:sp>
        <p:nvSpPr>
          <p:cNvPr id="12" name="Rectangle 11"/>
          <p:cNvSpPr/>
          <p:nvPr/>
        </p:nvSpPr>
        <p:spPr>
          <a:xfrm>
            <a:off x="5498116" y="6242560"/>
            <a:ext cx="6935638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dirty="0">
                <a:hlinkClick r:id="rId6"/>
              </a:rPr>
              <a:t>https://robotik.dfki-bremen.de/en/research/projects/eurex.html</a:t>
            </a:r>
            <a:r>
              <a:rPr lang="en-GB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28302509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15F1F65-2869-42ED-815D-6AC4CB1727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BlueROV</a:t>
            </a:r>
            <a:endParaRPr lang="en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3D3BFA-6999-43EF-AC22-6E147D9CB2D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79C57D-DC26-4EDA-ABF2-F61AB849BC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1026" name="Picture 2" descr="Image result for blueROV1 frame">
            <a:extLst>
              <a:ext uri="{FF2B5EF4-FFF2-40B4-BE49-F238E27FC236}">
                <a16:creationId xmlns:a16="http://schemas.microsoft.com/office/drawing/2014/main" id="{917265F7-3F43-4A96-87F2-D0C7C8524BE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669388" y="618030"/>
            <a:ext cx="1819275" cy="25146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Image result for blueROV1 frame">
            <a:extLst>
              <a:ext uri="{FF2B5EF4-FFF2-40B4-BE49-F238E27FC236}">
                <a16:creationId xmlns:a16="http://schemas.microsoft.com/office/drawing/2014/main" id="{45D316CF-4E6F-47E7-BCE1-2CADB233D19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671113" y="3725370"/>
            <a:ext cx="1819275" cy="25146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1DD6593D-59B4-4BEB-BEB8-A86AD9659B2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505" t="17428" r="15644" b="4940"/>
          <a:stretch/>
        </p:blipFill>
        <p:spPr>
          <a:xfrm>
            <a:off x="4738953" y="63631"/>
            <a:ext cx="4536504" cy="3528392"/>
          </a:xfrm>
        </p:spPr>
      </p:pic>
      <p:pic>
        <p:nvPicPr>
          <p:cNvPr id="10" name="Picture 9" descr="A picture containing wall, blue&#10;&#10;Description automatically generated">
            <a:extLst>
              <a:ext uri="{FF2B5EF4-FFF2-40B4-BE49-F238E27FC236}">
                <a16:creationId xmlns:a16="http://schemas.microsoft.com/office/drawing/2014/main" id="{B69D55FA-EAB4-4534-BF56-A6EB87A2BF41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580" t="17475" r="6082" b="13950"/>
          <a:stretch/>
        </p:blipFill>
        <p:spPr>
          <a:xfrm rot="10740000">
            <a:off x="5514676" y="3902209"/>
            <a:ext cx="3739367" cy="2486705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EE301713-DD3B-494A-B774-2510F3AD10C2}"/>
              </a:ext>
            </a:extLst>
          </p:cNvPr>
          <p:cNvSpPr txBox="1"/>
          <p:nvPr/>
        </p:nvSpPr>
        <p:spPr>
          <a:xfrm>
            <a:off x="694606" y="2060848"/>
            <a:ext cx="3782197" cy="28520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50/50 Open-Source Development, Engineered Sensors &amp; Electronic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Three variants 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R1 (1-5 models @ </a:t>
            </a:r>
            <a:r>
              <a:rPr lang="en-US" sz="1800" dirty="0" err="1">
                <a:latin typeface="+mn-lt"/>
              </a:rPr>
              <a:t>Elektro</a:t>
            </a:r>
            <a:r>
              <a:rPr lang="en-US" sz="1800" dirty="0">
                <a:latin typeface="+mn-lt"/>
              </a:rPr>
              <a:t>)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R2 (1-2 models @ Aqua)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R2-Heavy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Frame Configurations</a:t>
            </a:r>
          </a:p>
        </p:txBody>
      </p:sp>
    </p:spTree>
    <p:extLst>
      <p:ext uri="{BB962C8B-B14F-4D97-AF65-F5344CB8AC3E}">
        <p14:creationId xmlns:p14="http://schemas.microsoft.com/office/powerpoint/2010/main" val="427735238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BlueROV</a:t>
            </a: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026" name="Picture 2" descr="Image result for bluerov frame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559775" y="1380048"/>
            <a:ext cx="9070862" cy="510236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54462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7E6BC691-E48D-490F-92D9-6E8B8E8F1B5A}"/>
              </a:ext>
            </a:extLst>
          </p:cNvPr>
          <p:cNvSpPr/>
          <p:nvPr/>
        </p:nvSpPr>
        <p:spPr bwMode="auto">
          <a:xfrm>
            <a:off x="334566" y="4410775"/>
            <a:ext cx="11449272" cy="919945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32B14C-E7E6-42AF-8C98-58465B16BDC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BlueROV</a:t>
            </a:r>
            <a:r>
              <a:rPr lang="en-US" dirty="0"/>
              <a:t> Accompanied Flight Controller System</a:t>
            </a:r>
            <a:endParaRPr lang="en-DK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3BB6EBD0-2038-4586-904C-445DB9EAEE1F}"/>
              </a:ext>
            </a:extLst>
          </p:cNvPr>
          <p:cNvSpPr/>
          <p:nvPr/>
        </p:nvSpPr>
        <p:spPr bwMode="auto">
          <a:xfrm>
            <a:off x="334566" y="2204864"/>
            <a:ext cx="11449272" cy="1296144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9ECD4FD-6891-4A27-88E2-0141BE1898BF}"/>
              </a:ext>
            </a:extLst>
          </p:cNvPr>
          <p:cNvSpPr/>
          <p:nvPr/>
        </p:nvSpPr>
        <p:spPr bwMode="auto">
          <a:xfrm>
            <a:off x="334566" y="3519090"/>
            <a:ext cx="11449272" cy="919945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61FE75-56DA-41EC-937D-2949B936400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183432" y="1706328"/>
            <a:ext cx="9312374" cy="4545578"/>
          </a:xfrm>
        </p:spPr>
        <p:txBody>
          <a:bodyPr/>
          <a:lstStyle/>
          <a:p>
            <a:r>
              <a:rPr lang="en-US" dirty="0"/>
              <a:t>4 Levels of Structure</a:t>
            </a:r>
          </a:p>
          <a:p>
            <a:endParaRPr lang="en-US" dirty="0"/>
          </a:p>
          <a:p>
            <a:pPr lvl="1"/>
            <a:r>
              <a:rPr lang="en-US" dirty="0"/>
              <a:t>Sensor Readings &amp; Open Loop Control (Lowest Level)</a:t>
            </a:r>
          </a:p>
          <a:p>
            <a:pPr lvl="1"/>
            <a:endParaRPr lang="en-US" dirty="0"/>
          </a:p>
          <a:p>
            <a:pPr lvl="1"/>
            <a:r>
              <a:rPr lang="en-US" dirty="0"/>
              <a:t>Hardware State Management &amp; Closed Loop Control (PID)</a:t>
            </a:r>
          </a:p>
          <a:p>
            <a:pPr lvl="1"/>
            <a:endParaRPr lang="en-US" dirty="0"/>
          </a:p>
          <a:p>
            <a:pPr lvl="1"/>
            <a:r>
              <a:rPr lang="en-US" dirty="0"/>
              <a:t>Advanced Onboard Devices, Proxy Server Interfacing, Highest levels of Onboard Control</a:t>
            </a:r>
          </a:p>
          <a:p>
            <a:pPr lvl="1"/>
            <a:endParaRPr lang="en-US" dirty="0"/>
          </a:p>
          <a:p>
            <a:pPr lvl="1"/>
            <a:r>
              <a:rPr lang="en-US" dirty="0"/>
              <a:t>Human Machine Interface, Shoreside Processing, External Navigation Aids</a:t>
            </a:r>
            <a:endParaRPr lang="en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CBFABB0-EB81-4407-808C-ACA88A2CEDB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C97E51D-8B5C-4587-B7FE-2B5B7BCA5FD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EF75782-5BC7-4C60-8B04-9F1BD58986B6}"/>
              </a:ext>
            </a:extLst>
          </p:cNvPr>
          <p:cNvSpPr txBox="1"/>
          <p:nvPr/>
        </p:nvSpPr>
        <p:spPr>
          <a:xfrm>
            <a:off x="441541" y="2432308"/>
            <a:ext cx="1584176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F </a:t>
            </a:r>
            <a:r>
              <a:rPr lang="en-US" dirty="0">
                <a:latin typeface="+mn-lt"/>
              </a:rPr>
              <a:t>LIGHT</a:t>
            </a:r>
          </a:p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C </a:t>
            </a:r>
            <a:r>
              <a:rPr lang="en-US" dirty="0">
                <a:latin typeface="+mn-lt"/>
              </a:rPr>
              <a:t>ONTROLLER</a:t>
            </a:r>
          </a:p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U </a:t>
            </a:r>
            <a:r>
              <a:rPr lang="en-US" dirty="0">
                <a:latin typeface="+mn-lt"/>
              </a:rPr>
              <a:t>NIT</a:t>
            </a:r>
            <a:endParaRPr lang="en-DK" dirty="0" err="1">
              <a:latin typeface="+mn-lt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D80DCFE8-E366-4D41-8D52-55108207B508}"/>
              </a:ext>
            </a:extLst>
          </p:cNvPr>
          <p:cNvSpPr txBox="1"/>
          <p:nvPr/>
        </p:nvSpPr>
        <p:spPr>
          <a:xfrm>
            <a:off x="406574" y="3689731"/>
            <a:ext cx="1584176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C</a:t>
            </a:r>
            <a:r>
              <a:rPr lang="en-US" dirty="0">
                <a:latin typeface="+mn-lt"/>
              </a:rPr>
              <a:t> OMPANION</a:t>
            </a:r>
          </a:p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C</a:t>
            </a:r>
            <a:r>
              <a:rPr lang="en-US" dirty="0">
                <a:latin typeface="+mn-lt"/>
              </a:rPr>
              <a:t> OMPUTER</a:t>
            </a:r>
            <a:endParaRPr lang="en-DK" b="1" dirty="0" err="1">
              <a:latin typeface="+mn-lt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19A4A74-0AF9-44B8-B800-097D2C356D0B}"/>
              </a:ext>
            </a:extLst>
          </p:cNvPr>
          <p:cNvSpPr txBox="1"/>
          <p:nvPr/>
        </p:nvSpPr>
        <p:spPr>
          <a:xfrm>
            <a:off x="406574" y="4459952"/>
            <a:ext cx="1584176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G</a:t>
            </a:r>
            <a:r>
              <a:rPr lang="en-US" dirty="0">
                <a:latin typeface="+mn-lt"/>
              </a:rPr>
              <a:t> ROUND</a:t>
            </a:r>
          </a:p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C</a:t>
            </a:r>
            <a:r>
              <a:rPr lang="en-US" dirty="0">
                <a:latin typeface="+mn-lt"/>
              </a:rPr>
              <a:t> ONTROL</a:t>
            </a:r>
          </a:p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S</a:t>
            </a:r>
            <a:r>
              <a:rPr lang="en-US" dirty="0">
                <a:latin typeface="+mn-lt"/>
              </a:rPr>
              <a:t> TATION</a:t>
            </a:r>
            <a:endParaRPr lang="en-DK" b="1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0353033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964BC4-8BB1-4376-82BA-B3D56EFC51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light Controller Unit</a:t>
            </a:r>
            <a:endParaRPr lang="en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A2716D80-748E-42F3-8BE0-E44D480797F8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5951190" y="54855"/>
            <a:ext cx="6239222" cy="6479481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C9F310-AA56-4C54-B458-678F235C38C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F9EE8B5-B50E-4874-A62C-CDD836B6293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A1A8253-8DE6-4071-98D0-7CECD0108610}"/>
              </a:ext>
            </a:extLst>
          </p:cNvPr>
          <p:cNvSpPr txBox="1"/>
          <p:nvPr/>
        </p:nvSpPr>
        <p:spPr>
          <a:xfrm>
            <a:off x="694606" y="1988840"/>
            <a:ext cx="4176464" cy="37343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Microcontroller combined with IMU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Flashed with </a:t>
            </a:r>
            <a:r>
              <a:rPr lang="en-US" sz="1800" dirty="0" err="1">
                <a:latin typeface="+mn-lt"/>
              </a:rPr>
              <a:t>ArduSub</a:t>
            </a:r>
            <a:r>
              <a:rPr lang="en-US" sz="1800" dirty="0">
                <a:latin typeface="+mn-lt"/>
              </a:rPr>
              <a:t> control software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Controls thrusters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Manual Open Loop (Joystick)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Stabilized (Pitch &amp; Roll Closed Loop)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Depth (Stabilized + Depth Closed Loop)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DK" sz="18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54626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FA74815-5C2E-4B99-9390-D1E1BFEF33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mpanion</a:t>
            </a:r>
            <a:br>
              <a:rPr lang="en-US" dirty="0"/>
            </a:br>
            <a:r>
              <a:rPr lang="en-US" dirty="0"/>
              <a:t>Computer</a:t>
            </a:r>
            <a:endParaRPr lang="en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F31A935-F75D-406A-ACBE-F67B171E59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CE75359-7D78-433C-818A-057D3A743A5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10" name="Content Placeholder 9" descr="Diagram, schematic&#10;&#10;Description automatically generated">
            <a:extLst>
              <a:ext uri="{FF2B5EF4-FFF2-40B4-BE49-F238E27FC236}">
                <a16:creationId xmlns:a16="http://schemas.microsoft.com/office/drawing/2014/main" id="{7573E35A-1AF0-40E8-BAAA-A9C6C943AD0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55586" y="332656"/>
            <a:ext cx="6766398" cy="4545012"/>
          </a:xfr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2B600F7-47EE-480F-8B91-7723DDB8EF8C}"/>
              </a:ext>
            </a:extLst>
          </p:cNvPr>
          <p:cNvSpPr txBox="1"/>
          <p:nvPr/>
        </p:nvSpPr>
        <p:spPr>
          <a:xfrm>
            <a:off x="694606" y="1988840"/>
            <a:ext cx="4176464" cy="25750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Embedded System (Raspberry Pi)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Middle-man between FCU and GC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Extra Sensors (Camera, Altimeter)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Additional Software Packages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DK" sz="1800" dirty="0" err="1">
              <a:latin typeface="+mn-lt"/>
            </a:endParaRPr>
          </a:p>
        </p:txBody>
      </p:sp>
      <p:pic>
        <p:nvPicPr>
          <p:cNvPr id="2050" name="Picture 2" descr="Image result for ROS">
            <a:extLst>
              <a:ext uri="{FF2B5EF4-FFF2-40B4-BE49-F238E27FC236}">
                <a16:creationId xmlns:a16="http://schemas.microsoft.com/office/drawing/2014/main" id="{3E6F268C-485B-40B4-9A2D-8E2128BCE15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66266" y="5373216"/>
            <a:ext cx="3233143" cy="86082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2" name="Picture 4" descr="Image result for mavlink">
            <a:extLst>
              <a:ext uri="{FF2B5EF4-FFF2-40B4-BE49-F238E27FC236}">
                <a16:creationId xmlns:a16="http://schemas.microsoft.com/office/drawing/2014/main" id="{54CBBE1D-C007-42EC-8436-8F08D40DD2F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87094" y="5245480"/>
            <a:ext cx="3810000" cy="9144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91364248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C89B7A-677E-4B90-9F22-0A5753A380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round</a:t>
            </a:r>
            <a:br>
              <a:rPr lang="en-US" dirty="0"/>
            </a:br>
            <a:r>
              <a:rPr lang="en-US" dirty="0"/>
              <a:t>Control      (Topside)</a:t>
            </a:r>
            <a:br>
              <a:rPr lang="en-US" dirty="0"/>
            </a:br>
            <a:r>
              <a:rPr lang="en-US" dirty="0"/>
              <a:t>Station</a:t>
            </a:r>
            <a:endParaRPr lang="en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ABD8812C-7D32-4E88-8885-D825D9D0018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4277" r="1643"/>
          <a:stretch/>
        </p:blipFill>
        <p:spPr>
          <a:xfrm rot="5400000">
            <a:off x="5631643" y="-17568"/>
            <a:ext cx="6518274" cy="659926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2FBDA5C-8666-483D-AD71-54128908D4D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C27E69-E09D-4E7A-BA5E-6BE5629869A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BAC7CA4-C31C-4AF2-A649-A6BB9AED0CF4}"/>
              </a:ext>
            </a:extLst>
          </p:cNvPr>
          <p:cNvSpPr txBox="1"/>
          <p:nvPr/>
        </p:nvSpPr>
        <p:spPr>
          <a:xfrm>
            <a:off x="694606" y="1988840"/>
            <a:ext cx="4176464" cy="35599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Human Machine Interface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Joystick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External Navigation Aids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Acoustic Base Line Systems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GPS (Ship or Stationary)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Additional Software Packages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latin typeface="+mn-lt"/>
              </a:rPr>
              <a:t>Logging, Video Streaming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DK" sz="18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84433667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+Ez+0/6OpEVMuCEzipzfYQ=="}]}]]></TemplafyFormConfiguration>
</file>

<file path=customXml/item2.xml><?xml version="1.0" encoding="utf-8"?>
<TemplafyTemplateConfiguration><![CDATA[{"elementsMetadata":[{"type":"shape","id":"b90353b6-afd8-4062-abdf-579b62172dab","elementConfiguration":{"binding":"UserProfile.Offices.Workarea_{{DocumentLanguage}}","disableUpdates":false,"type":"text"}},{"type":"shape","id":"1458c420-e3b1-4e43-b1ec-2e933a5dafbf","elementConfiguration":{"format":"{{DateFormats.GeneralDate}}","binding":"Form.Date","disableUpdates":false,"type":"date"}},{"type":"shape","id":"42b88b1f-69e1-452f-bfdc-d37d3c869842","elementConfiguration":{"binding":"Form.PresentationTitle","disableUpdates":false,"type":"text"}}],"transformationConfigurations":[{"language":"{{DocumentLanguage}}","disableUpdates":false,"type":"proofingLanguage"}],"templateName":"DTU Template 16_9 - Navy blue","templateDescription":"","enableDocumentContentUpdater":true,"version":"1.2"}]]></Templafy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B29B696-7354-412C-9B8E-ED20D22F6B23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68A48CB6-BD0D-4923-9904-A1B6E74851B2}">
  <ds:schemaRefs/>
</ds:datastoreItem>
</file>

<file path=customXml/itemProps4.xml><?xml version="1.0" encoding="utf-8"?>
<ds:datastoreItem xmlns:ds="http://schemas.openxmlformats.org/officeDocument/2006/customXml" ds:itemID="{C6406FEB-B081-4DE3-B790-BA4B3B8258E1}">
  <ds:schemaRefs/>
</ds:datastoreItem>
</file>

<file path=customXml/itemProps5.xml><?xml version="1.0" encoding="utf-8"?>
<ds:datastoreItem xmlns:ds="http://schemas.openxmlformats.org/officeDocument/2006/customXml" ds:itemID="{4D5E1A10-B5E6-482A-9521-846112537EBC}">
  <ds:schemaRefs/>
</ds:datastoreItem>
</file>

<file path=customXml/itemProps6.xml><?xml version="1.0" encoding="utf-8"?>
<ds:datastoreItem xmlns:ds="http://schemas.openxmlformats.org/officeDocument/2006/customXml" ds:itemID="{7FEA1E6D-AEEC-41D9-9E9A-45BA2EAE165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AA161E0</Template>
  <TotalTime>847</TotalTime>
  <Words>668</Words>
  <Application>Microsoft Office PowerPoint</Application>
  <PresentationFormat>Custom</PresentationFormat>
  <Paragraphs>170</Paragraphs>
  <Slides>16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1" baseType="lpstr">
      <vt:lpstr>Arial</vt:lpstr>
      <vt:lpstr>Arial</vt:lpstr>
      <vt:lpstr>Verdana</vt:lpstr>
      <vt:lpstr>Wingdings</vt:lpstr>
      <vt:lpstr>Blank</vt:lpstr>
      <vt:lpstr>Introduction to BlueROV and Simulators</vt:lpstr>
      <vt:lpstr>Topics</vt:lpstr>
      <vt:lpstr>ROV – Remotely Operated Vehicle</vt:lpstr>
      <vt:lpstr>BlueROV</vt:lpstr>
      <vt:lpstr>BlueROV</vt:lpstr>
      <vt:lpstr>BlueROV Accompanied Flight Controller System</vt:lpstr>
      <vt:lpstr>Flight Controller Unit</vt:lpstr>
      <vt:lpstr>Companion Computer</vt:lpstr>
      <vt:lpstr>Ground Control      (Topside) Station</vt:lpstr>
      <vt:lpstr>External Navigation Aid</vt:lpstr>
      <vt:lpstr>Further Reading on BlueROV</vt:lpstr>
      <vt:lpstr>Simulating the BlueROV2</vt:lpstr>
      <vt:lpstr>Which Simulator is Better?</vt:lpstr>
      <vt:lpstr>Simulating the BlueROV2</vt:lpstr>
      <vt:lpstr>Activities!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Fletcher Thompson</dc:creator>
  <cp:lastModifiedBy>Fletcher Thompson</cp:lastModifiedBy>
  <cp:revision>9</cp:revision>
  <dcterms:created xsi:type="dcterms:W3CDTF">2021-02-15T10:00:52Z</dcterms:created>
  <dcterms:modified xsi:type="dcterms:W3CDTF">2022-02-09T19:59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072581553585368</vt:lpwstr>
  </property>
  <property fmtid="{D5CDD505-2E9C-101B-9397-08002B2CF9AE}" pid="6" name="TemplafyLanguageCode">
    <vt:lpwstr>en-GB</vt:lpwstr>
  </property>
</Properties>
</file>